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D7EEE2" w14:textId="3A6F6FE4" w:rsidR="00FE48EF" w:rsidRPr="00C459CF" w:rsidRDefault="00FE48EF" w:rsidP="003B3D18">
      <w:pPr>
        <w:pStyle w:val="ScheduleTitle1"/>
        <w:numPr>
          <w:ilvl w:val="0"/>
          <w:numId w:val="0"/>
        </w:numPr>
      </w:pPr>
      <w:bookmarkStart w:id="0" w:name="_Hlk166685263"/>
      <w:r w:rsidRPr="00C459CF">
        <w:br/>
      </w:r>
      <w:bookmarkStart w:id="1" w:name="_Ref128999783"/>
      <w:bookmarkStart w:id="2" w:name="_Toc168324608"/>
      <w:bookmarkStart w:id="3" w:name="_Toc168959301"/>
      <w:r w:rsidR="009B370C">
        <w:t xml:space="preserve">Form of </w:t>
      </w:r>
      <w:proofErr w:type="spellStart"/>
      <w:r>
        <w:t>SSN</w:t>
      </w:r>
      <w:proofErr w:type="spellEnd"/>
      <w:r>
        <w:t xml:space="preserve"> Holders</w:t>
      </w:r>
      <w:r w:rsidRPr="00763211">
        <w:t xml:space="preserve"> Irrevocable Instruction and Authorisation Letter</w:t>
      </w:r>
      <w:bookmarkEnd w:id="1"/>
      <w:bookmarkEnd w:id="2"/>
      <w:bookmarkEnd w:id="3"/>
    </w:p>
    <w:p w14:paraId="42F42EB1" w14:textId="77777777" w:rsidR="00FE48EF" w:rsidRDefault="00FE48EF" w:rsidP="00B86CA9">
      <w:pPr>
        <w:pStyle w:val="BodyText1"/>
        <w:rPr>
          <w:rFonts w:asciiTheme="majorHAnsi" w:hAnsiTheme="majorHAnsi" w:cstheme="majorHAnsi"/>
          <w:b/>
          <w:bCs/>
          <w:szCs w:val="24"/>
        </w:rPr>
      </w:pPr>
      <w:r w:rsidRPr="009E760B">
        <w:rPr>
          <w:rFonts w:asciiTheme="majorHAnsi" w:hAnsiTheme="majorHAnsi" w:cstheme="majorHAnsi"/>
          <w:b/>
          <w:bCs/>
          <w:szCs w:val="24"/>
        </w:rPr>
        <w:t xml:space="preserve">This Irrevocable Instruction and Authorisation Letter must be completed and executed by each </w:t>
      </w:r>
      <w:proofErr w:type="spellStart"/>
      <w:r>
        <w:rPr>
          <w:rFonts w:asciiTheme="majorHAnsi" w:hAnsiTheme="majorHAnsi" w:cstheme="majorHAnsi"/>
          <w:b/>
          <w:bCs/>
          <w:szCs w:val="24"/>
        </w:rPr>
        <w:t>SSN</w:t>
      </w:r>
      <w:proofErr w:type="spellEnd"/>
      <w:r>
        <w:rPr>
          <w:rFonts w:asciiTheme="majorHAnsi" w:hAnsiTheme="majorHAnsi" w:cstheme="majorHAnsi"/>
          <w:b/>
          <w:bCs/>
          <w:szCs w:val="24"/>
        </w:rPr>
        <w:t xml:space="preserve"> Holder</w:t>
      </w:r>
      <w:r w:rsidRPr="009E760B">
        <w:rPr>
          <w:rFonts w:asciiTheme="majorHAnsi" w:hAnsiTheme="majorHAnsi" w:cstheme="majorHAnsi"/>
          <w:b/>
          <w:bCs/>
          <w:szCs w:val="24"/>
        </w:rPr>
        <w:t xml:space="preserve"> ONLY.</w:t>
      </w:r>
    </w:p>
    <w:p w14:paraId="2CB006EE" w14:textId="77777777" w:rsidR="00FE48EF" w:rsidRPr="009E760B" w:rsidRDefault="00FE48EF" w:rsidP="00B86CA9">
      <w:pPr>
        <w:pStyle w:val="BodyText1"/>
        <w:rPr>
          <w:b/>
          <w:bCs/>
          <w:szCs w:val="23"/>
          <w:u w:val="single"/>
        </w:rPr>
      </w:pPr>
      <w:r w:rsidRPr="009E760B">
        <w:rPr>
          <w:b/>
          <w:bCs/>
          <w:szCs w:val="23"/>
          <w:u w:val="single"/>
        </w:rPr>
        <w:t xml:space="preserve">When executing this </w:t>
      </w:r>
      <w:proofErr w:type="spellStart"/>
      <w:r w:rsidRPr="00571278">
        <w:rPr>
          <w:b/>
          <w:bCs/>
          <w:szCs w:val="23"/>
          <w:u w:val="single"/>
        </w:rPr>
        <w:t>SSN</w:t>
      </w:r>
      <w:proofErr w:type="spellEnd"/>
      <w:r w:rsidRPr="00571278">
        <w:rPr>
          <w:b/>
          <w:bCs/>
          <w:szCs w:val="23"/>
          <w:u w:val="single"/>
        </w:rPr>
        <w:t xml:space="preserve"> Holder</w:t>
      </w:r>
      <w:r w:rsidRPr="009E760B">
        <w:rPr>
          <w:b/>
          <w:bCs/>
          <w:szCs w:val="23"/>
          <w:u w:val="single"/>
        </w:rPr>
        <w:t xml:space="preserve"> Irrevocable Instruction and Authorisation Letter, Signing Instructions set out </w:t>
      </w:r>
      <w:r>
        <w:rPr>
          <w:b/>
          <w:bCs/>
          <w:szCs w:val="23"/>
          <w:u w:val="single"/>
        </w:rPr>
        <w:t>below</w:t>
      </w:r>
      <w:r w:rsidRPr="009E760B">
        <w:rPr>
          <w:b/>
          <w:bCs/>
          <w:szCs w:val="23"/>
          <w:u w:val="single"/>
        </w:rPr>
        <w:t xml:space="preserve"> must be complied with.</w:t>
      </w:r>
    </w:p>
    <w:p w14:paraId="7806AF00" w14:textId="77777777" w:rsidR="00FE48EF" w:rsidRPr="009E760B" w:rsidRDefault="00FE48EF" w:rsidP="00B86CA9">
      <w:pPr>
        <w:pStyle w:val="BodyText1"/>
        <w:rPr>
          <w:rFonts w:asciiTheme="majorHAnsi" w:hAnsiTheme="majorHAnsi" w:cstheme="majorHAnsi"/>
          <w:szCs w:val="24"/>
          <w:u w:val="single"/>
        </w:rPr>
      </w:pPr>
      <w:r w:rsidRPr="009E760B">
        <w:rPr>
          <w:b/>
          <w:bCs/>
          <w:szCs w:val="23"/>
          <w:u w:val="single"/>
        </w:rPr>
        <w:t xml:space="preserve">Please do not date this </w:t>
      </w:r>
      <w:proofErr w:type="spellStart"/>
      <w:r>
        <w:rPr>
          <w:b/>
          <w:bCs/>
          <w:szCs w:val="23"/>
          <w:u w:val="single"/>
        </w:rPr>
        <w:t>SSN</w:t>
      </w:r>
      <w:proofErr w:type="spellEnd"/>
      <w:r>
        <w:rPr>
          <w:b/>
          <w:bCs/>
          <w:szCs w:val="23"/>
          <w:u w:val="single"/>
        </w:rPr>
        <w:t xml:space="preserve"> Holder</w:t>
      </w:r>
      <w:r w:rsidRPr="009E760B">
        <w:rPr>
          <w:b/>
          <w:bCs/>
          <w:szCs w:val="23"/>
          <w:u w:val="single"/>
        </w:rPr>
        <w:t xml:space="preserve"> Irrevocable Instruction and Authorisation Letter.</w:t>
      </w:r>
    </w:p>
    <w:p w14:paraId="33748B56" w14:textId="77777777" w:rsidR="00FE48EF" w:rsidRDefault="00FE48EF" w:rsidP="00B86CA9">
      <w:pPr>
        <w:pStyle w:val="BodyText1"/>
        <w:rPr>
          <w:rFonts w:asciiTheme="majorHAnsi" w:hAnsiTheme="majorHAnsi" w:cstheme="majorHAnsi"/>
          <w:szCs w:val="24"/>
        </w:rPr>
      </w:pPr>
    </w:p>
    <w:p w14:paraId="1912314B" w14:textId="77777777" w:rsidR="00FE48EF" w:rsidRPr="009E760B" w:rsidRDefault="00FE48EF" w:rsidP="00B86CA9">
      <w:pPr>
        <w:pStyle w:val="BodyText1"/>
        <w:rPr>
          <w:rFonts w:asciiTheme="majorHAnsi" w:hAnsiTheme="majorHAnsi" w:cstheme="majorHAnsi"/>
          <w:szCs w:val="24"/>
        </w:rPr>
      </w:pPr>
      <w:r w:rsidRPr="009E760B">
        <w:rPr>
          <w:rFonts w:asciiTheme="majorHAnsi" w:hAnsiTheme="majorHAnsi" w:cstheme="majorHAnsi"/>
          <w:szCs w:val="24"/>
        </w:rPr>
        <w:t xml:space="preserve">This </w:t>
      </w:r>
      <w:proofErr w:type="spellStart"/>
      <w:r w:rsidRPr="00552822">
        <w:t>SSN</w:t>
      </w:r>
      <w:proofErr w:type="spellEnd"/>
      <w:r w:rsidRPr="00552822">
        <w:t xml:space="preserve"> Holder</w:t>
      </w:r>
      <w:r>
        <w:t xml:space="preserve"> </w:t>
      </w:r>
      <w:r w:rsidRPr="009E760B">
        <w:rPr>
          <w:rFonts w:asciiTheme="majorHAnsi" w:hAnsiTheme="majorHAnsi" w:cstheme="majorHAnsi"/>
          <w:szCs w:val="24"/>
        </w:rPr>
        <w:t>Irrevocable Instruction and Authorisation Letter</w:t>
      </w:r>
      <w:r w:rsidRPr="009E760B">
        <w:rPr>
          <w:rFonts w:asciiTheme="majorHAnsi" w:hAnsiTheme="majorHAnsi" w:cstheme="majorHAnsi"/>
          <w:b/>
          <w:bCs/>
          <w:szCs w:val="24"/>
        </w:rPr>
        <w:t xml:space="preserve"> (</w:t>
      </w:r>
      <w:r w:rsidRPr="009E760B">
        <w:rPr>
          <w:rFonts w:asciiTheme="majorHAnsi" w:hAnsiTheme="majorHAnsi" w:cstheme="majorHAnsi"/>
          <w:szCs w:val="24"/>
        </w:rPr>
        <w:t xml:space="preserve">this </w:t>
      </w:r>
      <w:r w:rsidR="00AD6DE8">
        <w:rPr>
          <w:rFonts w:asciiTheme="majorHAnsi" w:hAnsiTheme="majorHAnsi" w:cstheme="majorHAnsi"/>
          <w:szCs w:val="24"/>
        </w:rPr>
        <w:t>“</w:t>
      </w:r>
      <w:r w:rsidRPr="009E760B">
        <w:rPr>
          <w:rFonts w:asciiTheme="majorHAnsi" w:hAnsiTheme="majorHAnsi" w:cstheme="majorHAnsi"/>
          <w:b/>
          <w:bCs/>
          <w:szCs w:val="24"/>
        </w:rPr>
        <w:t>Letter</w:t>
      </w:r>
      <w:r w:rsidR="00AD6DE8">
        <w:rPr>
          <w:rFonts w:asciiTheme="majorHAnsi" w:hAnsiTheme="majorHAnsi" w:cstheme="majorHAnsi"/>
          <w:szCs w:val="24"/>
        </w:rPr>
        <w:t>”</w:t>
      </w:r>
      <w:r w:rsidRPr="009E760B">
        <w:rPr>
          <w:rFonts w:asciiTheme="majorHAnsi" w:hAnsiTheme="majorHAnsi" w:cstheme="majorHAnsi"/>
          <w:b/>
          <w:bCs/>
          <w:szCs w:val="24"/>
        </w:rPr>
        <w:t xml:space="preserve">) </w:t>
      </w:r>
      <w:r w:rsidRPr="009E760B">
        <w:rPr>
          <w:rFonts w:asciiTheme="majorHAnsi" w:hAnsiTheme="majorHAnsi" w:cstheme="majorHAnsi"/>
          <w:szCs w:val="24"/>
        </w:rPr>
        <w:t xml:space="preserve">dated </w:t>
      </w:r>
      <w:r w:rsidRPr="009E760B">
        <w:rPr>
          <w:rFonts w:asciiTheme="majorHAnsi" w:hAnsiTheme="majorHAnsi" w:cstheme="majorHAnsi"/>
          <w:b/>
          <w:bCs/>
          <w:szCs w:val="24"/>
        </w:rPr>
        <w:t xml:space="preserve">______________________ </w:t>
      </w:r>
      <w:proofErr w:type="gramStart"/>
      <w:r w:rsidRPr="009E760B">
        <w:rPr>
          <w:rFonts w:asciiTheme="majorHAnsi" w:hAnsiTheme="majorHAnsi" w:cstheme="majorHAnsi"/>
          <w:szCs w:val="24"/>
        </w:rPr>
        <w:t>202</w:t>
      </w:r>
      <w:r>
        <w:rPr>
          <w:rFonts w:asciiTheme="majorHAnsi" w:hAnsiTheme="majorHAnsi" w:cstheme="majorHAnsi"/>
          <w:szCs w:val="24"/>
        </w:rPr>
        <w:t>4</w:t>
      </w:r>
      <w:proofErr w:type="gramEnd"/>
    </w:p>
    <w:p w14:paraId="69F9D5EC" w14:textId="6551403C" w:rsidR="00FE48EF" w:rsidRDefault="00FE48EF" w:rsidP="00B86CA9">
      <w:pPr>
        <w:pStyle w:val="SchNumber1"/>
        <w:numPr>
          <w:ilvl w:val="3"/>
          <w:numId w:val="11"/>
        </w:numPr>
      </w:pPr>
      <w:r w:rsidRPr="00763211">
        <w:t xml:space="preserve">As part of a </w:t>
      </w:r>
      <w:r w:rsidRPr="00552822">
        <w:t xml:space="preserve">restructuring of the financial indebtedness of the Group, it is contemplated that </w:t>
      </w:r>
      <w:proofErr w:type="spellStart"/>
      <w:r w:rsidRPr="00552822">
        <w:t>SSN</w:t>
      </w:r>
      <w:proofErr w:type="spellEnd"/>
      <w:r w:rsidRPr="00552822">
        <w:t xml:space="preserve"> Holders will </w:t>
      </w:r>
      <w:proofErr w:type="gramStart"/>
      <w:r w:rsidRPr="00552822">
        <w:t>enter into</w:t>
      </w:r>
      <w:proofErr w:type="gramEnd"/>
      <w:r w:rsidRPr="00552822">
        <w:t xml:space="preserve"> a Spanish law restructuring plan (the </w:t>
      </w:r>
      <w:r w:rsidR="00AD6DE8">
        <w:t>“</w:t>
      </w:r>
      <w:r w:rsidRPr="009E760B">
        <w:rPr>
          <w:b/>
          <w:bCs/>
        </w:rPr>
        <w:t>Spanish Restructuring Plan</w:t>
      </w:r>
      <w:r w:rsidR="00AD6DE8">
        <w:t>”</w:t>
      </w:r>
      <w:r w:rsidRPr="00763211">
        <w:t xml:space="preserve">) on the terms set out in the </w:t>
      </w:r>
      <w:r w:rsidRPr="004F6E50">
        <w:rPr>
          <w:bCs/>
        </w:rPr>
        <w:t>Lock-Up Agreement</w:t>
      </w:r>
      <w:r w:rsidRPr="004F6E50">
        <w:t xml:space="preserve"> </w:t>
      </w:r>
      <w:r>
        <w:t>dated</w:t>
      </w:r>
      <w:r w:rsidRPr="00EC20D6">
        <w:t xml:space="preserve"> [</w:t>
      </w:r>
      <w:r>
        <w:t>___</w:t>
      </w:r>
      <w:r w:rsidRPr="00EC20D6">
        <w:t xml:space="preserve">] </w:t>
      </w:r>
      <w:r w:rsidR="00BB0F2A">
        <w:t xml:space="preserve">June </w:t>
      </w:r>
      <w:r>
        <w:t>2024</w:t>
      </w:r>
      <w:r w:rsidRPr="00763211">
        <w:t xml:space="preserve"> (the </w:t>
      </w:r>
      <w:r w:rsidR="00AD6DE8">
        <w:t>“</w:t>
      </w:r>
      <w:r w:rsidRPr="009E760B">
        <w:rPr>
          <w:b/>
          <w:bCs/>
        </w:rPr>
        <w:t>LUA</w:t>
      </w:r>
      <w:r w:rsidR="00AD6DE8">
        <w:t>”</w:t>
      </w:r>
      <w:r w:rsidRPr="00763211">
        <w:t>). It is intended that the</w:t>
      </w:r>
      <w:r>
        <w:t xml:space="preserve"> Spanish Restructuring Plan</w:t>
      </w:r>
      <w:r w:rsidRPr="00763211">
        <w:t xml:space="preserve"> will be filed with the Spanish courts for Homologation</w:t>
      </w:r>
      <w:r w:rsidRPr="00C459CF">
        <w:t>.</w:t>
      </w:r>
    </w:p>
    <w:p w14:paraId="3090AA1C" w14:textId="77777777" w:rsidR="00FE48EF" w:rsidRDefault="00FE48EF" w:rsidP="00B86CA9">
      <w:pPr>
        <w:pStyle w:val="SchNumber1"/>
        <w:numPr>
          <w:ilvl w:val="3"/>
          <w:numId w:val="11"/>
        </w:numPr>
      </w:pPr>
      <w:r w:rsidRPr="00763211">
        <w:t xml:space="preserve">Capitalised terms used in this Letter and not otherwise defined in this Letter shall have the meanings ascribed to them in the </w:t>
      </w:r>
      <w:r>
        <w:t>LUA</w:t>
      </w:r>
      <w:r w:rsidRPr="00763211">
        <w:t>.</w:t>
      </w:r>
    </w:p>
    <w:p w14:paraId="38DAB2D0" w14:textId="77777777" w:rsidR="00FE48EF" w:rsidRDefault="00FE48EF" w:rsidP="00B86CA9">
      <w:pPr>
        <w:pStyle w:val="SchNumber1"/>
        <w:numPr>
          <w:ilvl w:val="3"/>
          <w:numId w:val="11"/>
        </w:numPr>
      </w:pPr>
      <w:r w:rsidRPr="00763211">
        <w:t xml:space="preserve">In connection with the foregoing, we hereby irrevocably instruct and authorise the </w:t>
      </w:r>
      <w:proofErr w:type="spellStart"/>
      <w:r>
        <w:t>SSN</w:t>
      </w:r>
      <w:proofErr w:type="spellEnd"/>
      <w:r>
        <w:t xml:space="preserve"> Trustee</w:t>
      </w:r>
      <w:r w:rsidRPr="00763211">
        <w:t xml:space="preserve"> to represent us and exercise and carry out any or </w:t>
      </w:r>
      <w:proofErr w:type="gramStart"/>
      <w:r w:rsidRPr="00763211">
        <w:t>all of</w:t>
      </w:r>
      <w:proofErr w:type="gramEnd"/>
      <w:r w:rsidRPr="00763211">
        <w:t xml:space="preserve"> the following powers and actions (as broad and sufficient as may be required by law) on our behalf:</w:t>
      </w:r>
    </w:p>
    <w:p w14:paraId="390AA9B5" w14:textId="77777777" w:rsidR="00FE48EF" w:rsidRDefault="00FE48EF" w:rsidP="00B86CA9">
      <w:pPr>
        <w:pStyle w:val="SchNumber3"/>
        <w:numPr>
          <w:ilvl w:val="5"/>
          <w:numId w:val="11"/>
        </w:numPr>
      </w:pPr>
      <w:r>
        <w:t>e</w:t>
      </w:r>
      <w:r w:rsidRPr="00763211">
        <w:t>xecute, sign, accept, amend, extend or ratify and raise to the status of public deed (</w:t>
      </w:r>
      <w:proofErr w:type="spellStart"/>
      <w:r w:rsidRPr="009E760B">
        <w:rPr>
          <w:i/>
          <w:iCs/>
        </w:rPr>
        <w:t>escritura</w:t>
      </w:r>
      <w:proofErr w:type="spellEnd"/>
      <w:r w:rsidRPr="009E760B">
        <w:rPr>
          <w:i/>
          <w:iCs/>
        </w:rPr>
        <w:t xml:space="preserve"> </w:t>
      </w:r>
      <w:proofErr w:type="spellStart"/>
      <w:r w:rsidRPr="009E760B">
        <w:rPr>
          <w:i/>
          <w:iCs/>
        </w:rPr>
        <w:t>pública</w:t>
      </w:r>
      <w:proofErr w:type="spellEnd"/>
      <w:r w:rsidRPr="00763211">
        <w:t xml:space="preserve"> or </w:t>
      </w:r>
      <w:proofErr w:type="spellStart"/>
      <w:r w:rsidRPr="009E760B">
        <w:rPr>
          <w:i/>
          <w:iCs/>
        </w:rPr>
        <w:t>póliza</w:t>
      </w:r>
      <w:proofErr w:type="spellEnd"/>
      <w:r w:rsidRPr="00763211">
        <w:t xml:space="preserve">) the </w:t>
      </w:r>
      <w:r>
        <w:t>Spanish Restructuring Plan</w:t>
      </w:r>
      <w:r w:rsidRPr="00763211">
        <w:t xml:space="preserve">, as well as carry out any actions that may be required or may be considered appropriate for the purposes of the duly and valid formalisation and execution of the </w:t>
      </w:r>
      <w:r>
        <w:t>Spanish Restructuring Plan</w:t>
      </w:r>
      <w:r w:rsidRPr="00763211">
        <w:t xml:space="preserve"> in such manner or form and in the terms that the </w:t>
      </w:r>
      <w:proofErr w:type="spellStart"/>
      <w:r>
        <w:t>SSN</w:t>
      </w:r>
      <w:proofErr w:type="spellEnd"/>
      <w:r>
        <w:t xml:space="preserve"> Trustee</w:t>
      </w:r>
      <w:r w:rsidRPr="00763211">
        <w:t xml:space="preserve"> may deem necessary and appropriate</w:t>
      </w:r>
      <w:r>
        <w:t>;</w:t>
      </w:r>
    </w:p>
    <w:p w14:paraId="691D5DEB" w14:textId="77777777" w:rsidR="00FE48EF" w:rsidRDefault="00FE48EF" w:rsidP="00B86CA9">
      <w:pPr>
        <w:pStyle w:val="SchNumber3"/>
        <w:numPr>
          <w:ilvl w:val="5"/>
          <w:numId w:val="11"/>
        </w:numPr>
      </w:pPr>
      <w:r>
        <w:t>c</w:t>
      </w:r>
      <w:r w:rsidRPr="00763211">
        <w:t xml:space="preserve">arry out any actions and grant, execute and deliver any public and/or private documents, </w:t>
      </w:r>
      <w:proofErr w:type="gramStart"/>
      <w:r w:rsidRPr="00763211">
        <w:t>send</w:t>
      </w:r>
      <w:proofErr w:type="gramEnd"/>
      <w:r w:rsidRPr="00763211">
        <w:t xml:space="preserve"> and receive notifications and /or any documents as may be necessary or appropriate for the full effectiveness of the transactions contemplated under the </w:t>
      </w:r>
      <w:r>
        <w:t>Spanish Restructuring Plan</w:t>
      </w:r>
      <w:r w:rsidRPr="00763211">
        <w:t xml:space="preserve"> </w:t>
      </w:r>
      <w:r>
        <w:t xml:space="preserve">and/or the Transaction Term Sheet </w:t>
      </w:r>
      <w:r w:rsidRPr="00763211">
        <w:t>(and, including without limitation, for the purposes of the Homologation</w:t>
      </w:r>
      <w:r>
        <w:t>, and, in particular, the Homologation Documentation</w:t>
      </w:r>
      <w:r w:rsidRPr="00763211">
        <w:t>)</w:t>
      </w:r>
      <w:r>
        <w:t>; and</w:t>
      </w:r>
    </w:p>
    <w:p w14:paraId="26A8E00E" w14:textId="77777777" w:rsidR="00FE48EF" w:rsidRPr="00C459CF" w:rsidRDefault="00FE48EF" w:rsidP="00B86CA9">
      <w:pPr>
        <w:pStyle w:val="SchNumber3"/>
        <w:numPr>
          <w:ilvl w:val="5"/>
          <w:numId w:val="11"/>
        </w:numPr>
      </w:pPr>
      <w:r>
        <w:t>e</w:t>
      </w:r>
      <w:r w:rsidRPr="00763211">
        <w:t xml:space="preserve">xecute any public documents (and appearing before a Spanish notary public for such purposes) and private documents required by or in relation with the exercise of the powers granted herein, including, if necessary, public deeds and/or private documents of notarisation, clarification, correction, cancellation or extension, and to request the issuance of second and subsequent copies of any public and/or private documents, including, without limitation, notarial copies (either </w:t>
      </w:r>
      <w:proofErr w:type="spellStart"/>
      <w:r w:rsidRPr="009E760B">
        <w:rPr>
          <w:i/>
          <w:iCs/>
        </w:rPr>
        <w:t>copia</w:t>
      </w:r>
      <w:proofErr w:type="spellEnd"/>
      <w:r w:rsidRPr="009E760B">
        <w:rPr>
          <w:i/>
          <w:iCs/>
        </w:rPr>
        <w:t xml:space="preserve"> simpl</w:t>
      </w:r>
      <w:r w:rsidRPr="00763211">
        <w:t xml:space="preserve">e or </w:t>
      </w:r>
      <w:proofErr w:type="spellStart"/>
      <w:r w:rsidRPr="009E760B">
        <w:rPr>
          <w:i/>
          <w:iCs/>
        </w:rPr>
        <w:t>copia</w:t>
      </w:r>
      <w:proofErr w:type="spellEnd"/>
      <w:r w:rsidRPr="009E760B">
        <w:rPr>
          <w:i/>
          <w:iCs/>
        </w:rPr>
        <w:t xml:space="preserve"> </w:t>
      </w:r>
      <w:proofErr w:type="spellStart"/>
      <w:r w:rsidRPr="009E760B">
        <w:rPr>
          <w:i/>
          <w:iCs/>
        </w:rPr>
        <w:t>autorizada</w:t>
      </w:r>
      <w:proofErr w:type="spellEnd"/>
      <w:r w:rsidRPr="00763211">
        <w:t xml:space="preserve">, with enforcement effects or not), of the </w:t>
      </w:r>
      <w:r>
        <w:t>Spanish Restructuring Plan</w:t>
      </w:r>
      <w:r w:rsidRPr="00763211">
        <w:t>, as well as any amendments and documents related thereto.</w:t>
      </w:r>
    </w:p>
    <w:p w14:paraId="37A85134" w14:textId="77777777" w:rsidR="00FE48EF" w:rsidRDefault="00FE48EF" w:rsidP="00B86CA9">
      <w:pPr>
        <w:pStyle w:val="SchNumber1"/>
        <w:numPr>
          <w:ilvl w:val="3"/>
          <w:numId w:val="11"/>
        </w:numPr>
      </w:pPr>
      <w:r w:rsidRPr="00763211">
        <w:t xml:space="preserve">The </w:t>
      </w:r>
      <w:proofErr w:type="gramStart"/>
      <w:r w:rsidRPr="00763211">
        <w:t>aforementioned instructions</w:t>
      </w:r>
      <w:proofErr w:type="gramEnd"/>
      <w:r w:rsidRPr="00763211">
        <w:t xml:space="preserve"> and authorisation</w:t>
      </w:r>
      <w:r>
        <w:t>s</w:t>
      </w:r>
      <w:r w:rsidRPr="00763211">
        <w:t xml:space="preserve"> are conferred notwithstanding the </w:t>
      </w:r>
      <w:proofErr w:type="spellStart"/>
      <w:r>
        <w:t>SSN</w:t>
      </w:r>
      <w:proofErr w:type="spellEnd"/>
      <w:r>
        <w:t xml:space="preserve"> Trustee</w:t>
      </w:r>
      <w:r w:rsidRPr="00763211">
        <w:t xml:space="preserve"> falling within the scope of any type or form of self-employment, self-dealing, conflict of interest or multiple representation. </w:t>
      </w:r>
    </w:p>
    <w:p w14:paraId="4F4002BE" w14:textId="77777777" w:rsidR="00FE48EF" w:rsidRPr="00C459CF" w:rsidRDefault="00FE48EF" w:rsidP="00B86CA9">
      <w:pPr>
        <w:pStyle w:val="SchNumber1"/>
        <w:numPr>
          <w:ilvl w:val="3"/>
          <w:numId w:val="11"/>
        </w:numPr>
      </w:pPr>
      <w:r>
        <w:lastRenderedPageBreak/>
        <w:t xml:space="preserve">These </w:t>
      </w:r>
      <w:r w:rsidRPr="00763211">
        <w:t>instructions and authorisation</w:t>
      </w:r>
      <w:r>
        <w:t>s</w:t>
      </w:r>
      <w:r w:rsidRPr="00763211">
        <w:t xml:space="preserve"> </w:t>
      </w:r>
      <w:r>
        <w:t xml:space="preserve">shall not be revocable except in the case of termination of the LUA for any reason other than the occurrence of the </w:t>
      </w:r>
      <w:r>
        <w:rPr>
          <w:rFonts w:asciiTheme="majorHAnsi" w:hAnsiTheme="majorHAnsi" w:cstheme="majorHAnsi"/>
        </w:rPr>
        <w:t>Transaction Effective Date</w:t>
      </w:r>
      <w:r>
        <w:t>. T</w:t>
      </w:r>
      <w:r w:rsidRPr="00763211">
        <w:t>he revocation of these instructions and authorisation</w:t>
      </w:r>
      <w:r>
        <w:t>s</w:t>
      </w:r>
      <w:r w:rsidRPr="00763211">
        <w:t xml:space="preserve"> to the </w:t>
      </w:r>
      <w:proofErr w:type="spellStart"/>
      <w:r>
        <w:t>SSN</w:t>
      </w:r>
      <w:proofErr w:type="spellEnd"/>
      <w:r>
        <w:t xml:space="preserve"> Trustee</w:t>
      </w:r>
      <w:r w:rsidRPr="00763211">
        <w:t xml:space="preserve"> shall only take effect upon written notification to the </w:t>
      </w:r>
      <w:proofErr w:type="spellStart"/>
      <w:r>
        <w:t>SSN</w:t>
      </w:r>
      <w:proofErr w:type="spellEnd"/>
      <w:r>
        <w:t xml:space="preserve"> Trustee</w:t>
      </w:r>
      <w:r w:rsidRPr="00763211">
        <w:t xml:space="preserve"> </w:t>
      </w:r>
      <w:r>
        <w:t>of such termination</w:t>
      </w:r>
      <w:r w:rsidRPr="00763211">
        <w:t>.</w:t>
      </w:r>
    </w:p>
    <w:p w14:paraId="65B61E78" w14:textId="77777777" w:rsidR="00FE48EF" w:rsidRDefault="00FE48EF" w:rsidP="00B86CA9">
      <w:pPr>
        <w:pStyle w:val="SchNumber1"/>
        <w:numPr>
          <w:ilvl w:val="3"/>
          <w:numId w:val="11"/>
        </w:numPr>
      </w:pPr>
      <w:r>
        <w:t xml:space="preserve">We enclose </w:t>
      </w:r>
      <w:r w:rsidRPr="000E337D">
        <w:t xml:space="preserve">or will as soon as reasonably </w:t>
      </w:r>
      <w:proofErr w:type="gramStart"/>
      <w:r w:rsidRPr="000E337D">
        <w:t>practicable</w:t>
      </w:r>
      <w:proofErr w:type="gramEnd"/>
      <w:r w:rsidRPr="000E337D">
        <w:t xml:space="preserve"> following </w:t>
      </w:r>
      <w:r>
        <w:t>the date of this Letter deliver to you a copy of our Proof of Holdings and represent that there has been or</w:t>
      </w:r>
      <w:r w:rsidRPr="000E337D">
        <w:t xml:space="preserve">, when delivered, there will have been (as applicable) </w:t>
      </w:r>
      <w:r>
        <w:t xml:space="preserve">no change to the amount of Locked-Up </w:t>
      </w:r>
      <w:proofErr w:type="spellStart"/>
      <w:r>
        <w:t>SSN</w:t>
      </w:r>
      <w:proofErr w:type="spellEnd"/>
      <w:r>
        <w:t xml:space="preserve"> Debt indicated in that proof of holdings since the date of its issuance.</w:t>
      </w:r>
      <w:r w:rsidRPr="000E337D">
        <w:t xml:space="preserve"> </w:t>
      </w:r>
    </w:p>
    <w:p w14:paraId="16BBCD91" w14:textId="77777777" w:rsidR="00FE48EF" w:rsidRPr="00C459CF" w:rsidRDefault="00FE48EF" w:rsidP="00EC20D6">
      <w:pPr>
        <w:pStyle w:val="SchNumber1"/>
        <w:numPr>
          <w:ilvl w:val="3"/>
          <w:numId w:val="11"/>
        </w:numPr>
      </w:pPr>
      <w:r w:rsidRPr="00763211">
        <w:t>By signing this Letter, we hereby represent that we have complied with all formalities applicable to us (whether under our constitutional documents, applicable law, or otherwise) in relation to the execution of this Letter.</w:t>
      </w:r>
    </w:p>
    <w:p w14:paraId="3DCA03B3" w14:textId="77777777" w:rsidR="00FE48EF" w:rsidRPr="00C459CF" w:rsidRDefault="00FE48EF" w:rsidP="00B86CA9">
      <w:pPr>
        <w:pStyle w:val="SchNumber1"/>
        <w:numPr>
          <w:ilvl w:val="3"/>
          <w:numId w:val="11"/>
        </w:numPr>
        <w:rPr>
          <w:rFonts w:asciiTheme="majorHAnsi" w:hAnsiTheme="majorHAnsi" w:cstheme="majorHAnsi"/>
        </w:rPr>
      </w:pPr>
      <w:r w:rsidRPr="00763211">
        <w:rPr>
          <w:rFonts w:asciiTheme="majorHAnsi" w:hAnsiTheme="majorHAnsi" w:cstheme="majorHAnsi"/>
        </w:rPr>
        <w:t>This Letter shall be governed by and construed in accordance with the laws of New York.</w:t>
      </w:r>
    </w:p>
    <w:p w14:paraId="09FCC392" w14:textId="77777777" w:rsidR="00FE48EF" w:rsidRPr="00C459CF" w:rsidRDefault="00FE48EF" w:rsidP="00B86CA9">
      <w:pPr>
        <w:pStyle w:val="BodyText1"/>
        <w:rPr>
          <w:rFonts w:asciiTheme="majorHAnsi" w:hAnsiTheme="majorHAnsi" w:cstheme="majorHAnsi"/>
          <w:szCs w:val="24"/>
        </w:rPr>
      </w:pPr>
    </w:p>
    <w:p w14:paraId="40E76DD6" w14:textId="77777777" w:rsidR="00FE48EF" w:rsidRDefault="00FE48EF" w:rsidP="00B86CA9">
      <w:pPr>
        <w:pStyle w:val="BodyText1"/>
        <w:rPr>
          <w:rFonts w:asciiTheme="majorHAnsi" w:hAnsiTheme="majorHAnsi" w:cstheme="majorHAnsi"/>
          <w:szCs w:val="24"/>
        </w:rPr>
      </w:pPr>
      <w:r w:rsidRPr="009E760B">
        <w:rPr>
          <w:rFonts w:asciiTheme="majorHAnsi" w:hAnsiTheme="majorHAnsi" w:cstheme="majorHAnsi"/>
          <w:szCs w:val="24"/>
        </w:rPr>
        <w:t>[For and on behalf of]</w:t>
      </w:r>
      <w:r>
        <w:rPr>
          <w:rStyle w:val="FootnoteReference"/>
          <w:rFonts w:asciiTheme="majorHAnsi" w:hAnsiTheme="majorHAnsi" w:cstheme="majorHAnsi"/>
          <w:szCs w:val="24"/>
        </w:rPr>
        <w:footnoteReference w:id="1"/>
      </w:r>
      <w:r w:rsidRPr="009E760B">
        <w:rPr>
          <w:rFonts w:asciiTheme="majorHAnsi" w:hAnsiTheme="majorHAnsi" w:cstheme="majorHAnsi"/>
          <w:szCs w:val="24"/>
        </w:rPr>
        <w:t>/ [By]</w:t>
      </w:r>
      <w:r>
        <w:rPr>
          <w:rStyle w:val="FootnoteReference"/>
          <w:rFonts w:asciiTheme="majorHAnsi" w:hAnsiTheme="majorHAnsi" w:cstheme="majorHAnsi"/>
          <w:szCs w:val="24"/>
        </w:rPr>
        <w:footnoteReference w:id="2"/>
      </w:r>
      <w:r>
        <w:rPr>
          <w:rFonts w:asciiTheme="majorHAnsi" w:hAnsiTheme="majorHAnsi" w:cstheme="majorHAnsi"/>
          <w:szCs w:val="24"/>
        </w:rPr>
        <w:t xml:space="preserve"> </w:t>
      </w:r>
    </w:p>
    <w:p w14:paraId="096D949F" w14:textId="77777777" w:rsidR="00FE48EF" w:rsidRDefault="00FE48EF" w:rsidP="00B86CA9">
      <w:pPr>
        <w:pStyle w:val="BodyText1"/>
        <w:rPr>
          <w:rFonts w:asciiTheme="majorHAnsi" w:hAnsiTheme="majorHAnsi" w:cstheme="majorHAnsi"/>
          <w:szCs w:val="24"/>
        </w:rPr>
      </w:pPr>
    </w:p>
    <w:p w14:paraId="4BEB3E20" w14:textId="77777777" w:rsidR="00FE48EF" w:rsidRPr="00C459CF" w:rsidRDefault="00FE48EF" w:rsidP="00B86CA9">
      <w:pPr>
        <w:pStyle w:val="BodyText1"/>
        <w:rPr>
          <w:rFonts w:asciiTheme="majorHAnsi" w:hAnsiTheme="majorHAnsi" w:cstheme="majorHAnsi"/>
          <w:szCs w:val="24"/>
        </w:rPr>
      </w:pPr>
    </w:p>
    <w:p w14:paraId="1ABB2B77" w14:textId="77777777" w:rsidR="00FE48EF" w:rsidRDefault="00FE48EF" w:rsidP="00B86CA9">
      <w:pPr>
        <w:pStyle w:val="BodyText1"/>
        <w:rPr>
          <w:rFonts w:asciiTheme="majorHAnsi" w:hAnsiTheme="majorHAnsi" w:cstheme="majorHAnsi"/>
          <w:szCs w:val="24"/>
        </w:rPr>
      </w:pPr>
      <w:r w:rsidRPr="00C459CF">
        <w:rPr>
          <w:rFonts w:asciiTheme="majorHAnsi" w:hAnsiTheme="majorHAnsi" w:cstheme="majorHAnsi"/>
          <w:szCs w:val="24"/>
        </w:rPr>
        <w:t>………………………………………….</w:t>
      </w:r>
    </w:p>
    <w:p w14:paraId="197F45E8" w14:textId="77777777" w:rsidR="00FE48EF" w:rsidRPr="00C459CF" w:rsidRDefault="00FE48EF" w:rsidP="00B86CA9">
      <w:pPr>
        <w:pStyle w:val="BodyText1"/>
        <w:rPr>
          <w:rFonts w:asciiTheme="majorHAnsi" w:hAnsiTheme="majorHAnsi" w:cstheme="majorHAnsi"/>
          <w:szCs w:val="24"/>
        </w:rPr>
      </w:pPr>
      <w:proofErr w:type="spellStart"/>
      <w:r w:rsidRPr="009E760B">
        <w:rPr>
          <w:rFonts w:asciiTheme="majorHAnsi" w:hAnsiTheme="majorHAnsi" w:cstheme="majorHAnsi"/>
          <w:b/>
          <w:bCs/>
          <w:szCs w:val="24"/>
        </w:rPr>
        <w:t>SSN</w:t>
      </w:r>
      <w:proofErr w:type="spellEnd"/>
      <w:r w:rsidRPr="009E760B">
        <w:rPr>
          <w:rFonts w:asciiTheme="majorHAnsi" w:hAnsiTheme="majorHAnsi" w:cstheme="majorHAnsi"/>
          <w:b/>
          <w:bCs/>
          <w:szCs w:val="24"/>
        </w:rPr>
        <w:t xml:space="preserve"> Holder</w:t>
      </w:r>
    </w:p>
    <w:p w14:paraId="42A9884F" w14:textId="77777777" w:rsidR="00FE48EF" w:rsidRDefault="00FE48EF" w:rsidP="00B86CA9">
      <w:pPr>
        <w:pStyle w:val="BodyText1"/>
        <w:rPr>
          <w:rFonts w:asciiTheme="majorHAnsi" w:hAnsiTheme="majorHAnsi" w:cstheme="majorHAnsi"/>
          <w:szCs w:val="24"/>
        </w:rPr>
      </w:pPr>
    </w:p>
    <w:p w14:paraId="7CDF0CEC" w14:textId="77777777" w:rsidR="00FE48EF" w:rsidRPr="00C459CF" w:rsidRDefault="00FE48EF" w:rsidP="00B86CA9">
      <w:pPr>
        <w:pStyle w:val="BodyText1"/>
        <w:rPr>
          <w:rFonts w:asciiTheme="majorHAnsi" w:hAnsiTheme="majorHAnsi" w:cstheme="majorHAnsi"/>
          <w:szCs w:val="24"/>
        </w:rPr>
      </w:pPr>
    </w:p>
    <w:p w14:paraId="13FFABDA" w14:textId="77777777" w:rsidR="00FE48EF" w:rsidRPr="00C459CF" w:rsidRDefault="00FE48EF" w:rsidP="00B86CA9">
      <w:pPr>
        <w:pStyle w:val="BodyText1"/>
        <w:rPr>
          <w:rFonts w:asciiTheme="majorHAnsi" w:hAnsiTheme="majorHAnsi" w:cstheme="majorHAnsi"/>
          <w:szCs w:val="24"/>
        </w:rPr>
      </w:pPr>
      <w:r w:rsidRPr="00C459CF">
        <w:rPr>
          <w:rFonts w:asciiTheme="majorHAnsi" w:hAnsiTheme="majorHAnsi" w:cstheme="majorHAnsi"/>
          <w:szCs w:val="24"/>
        </w:rPr>
        <w:t>………………………………………….]</w:t>
      </w:r>
    </w:p>
    <w:p w14:paraId="5270963F" w14:textId="77777777" w:rsidR="00FE48EF" w:rsidRDefault="00FE48EF" w:rsidP="00B86CA9">
      <w:pPr>
        <w:spacing w:before="0" w:after="0" w:line="240" w:lineRule="auto"/>
        <w:jc w:val="left"/>
        <w:rPr>
          <w:rFonts w:asciiTheme="majorHAnsi" w:hAnsiTheme="majorHAnsi" w:cstheme="majorHAnsi"/>
          <w:i/>
          <w:iCs/>
          <w:sz w:val="23"/>
          <w:szCs w:val="24"/>
        </w:rPr>
      </w:pPr>
      <w:r w:rsidRPr="009E760B">
        <w:rPr>
          <w:rFonts w:asciiTheme="majorHAnsi" w:hAnsiTheme="majorHAnsi" w:cstheme="majorHAnsi"/>
          <w:i/>
          <w:iCs/>
          <w:sz w:val="23"/>
          <w:szCs w:val="24"/>
        </w:rPr>
        <w:t>[signature]</w:t>
      </w:r>
    </w:p>
    <w:p w14:paraId="4440D6BD" w14:textId="77777777" w:rsidR="00FE48EF" w:rsidRPr="00F15EFE" w:rsidRDefault="00FE48EF" w:rsidP="00B86CA9">
      <w:pPr>
        <w:spacing w:before="0" w:after="0" w:line="240" w:lineRule="auto"/>
        <w:jc w:val="left"/>
        <w:rPr>
          <w:rFonts w:asciiTheme="majorHAnsi" w:hAnsiTheme="majorHAnsi" w:cstheme="majorHAnsi"/>
          <w:sz w:val="23"/>
          <w:szCs w:val="24"/>
        </w:rPr>
      </w:pPr>
      <w:r w:rsidRPr="003A0581">
        <w:rPr>
          <w:rFonts w:asciiTheme="majorHAnsi" w:hAnsiTheme="majorHAnsi" w:cstheme="majorHAnsi"/>
          <w:sz w:val="23"/>
          <w:szCs w:val="24"/>
        </w:rPr>
        <w:t>Title</w:t>
      </w:r>
      <w:r w:rsidRPr="00F15EFE">
        <w:rPr>
          <w:rFonts w:asciiTheme="majorHAnsi" w:hAnsiTheme="majorHAnsi" w:cstheme="majorHAnsi"/>
          <w:sz w:val="23"/>
          <w:szCs w:val="24"/>
        </w:rPr>
        <w:t>:</w:t>
      </w:r>
    </w:p>
    <w:p w14:paraId="067AE110" w14:textId="77777777" w:rsidR="00FE48EF" w:rsidRPr="00F15EFE" w:rsidRDefault="00FE48EF" w:rsidP="00B86CA9">
      <w:pPr>
        <w:spacing w:before="0" w:after="0" w:line="240" w:lineRule="auto"/>
        <w:jc w:val="left"/>
        <w:rPr>
          <w:rFonts w:asciiTheme="majorHAnsi" w:hAnsiTheme="majorHAnsi" w:cstheme="majorHAnsi"/>
          <w:sz w:val="23"/>
          <w:szCs w:val="24"/>
        </w:rPr>
      </w:pPr>
      <w:r w:rsidRPr="00F15EFE">
        <w:rPr>
          <w:rFonts w:asciiTheme="majorHAnsi" w:hAnsiTheme="majorHAnsi" w:cstheme="majorHAnsi"/>
          <w:sz w:val="23"/>
          <w:szCs w:val="24"/>
        </w:rPr>
        <w:br w:type="page"/>
      </w:r>
    </w:p>
    <w:p w14:paraId="3318D278" w14:textId="77777777" w:rsidR="00FE48EF" w:rsidRPr="00843A74" w:rsidRDefault="00FE48EF" w:rsidP="00843A74">
      <w:pPr>
        <w:pStyle w:val="BodyText1"/>
        <w:rPr>
          <w:rFonts w:asciiTheme="majorHAnsi" w:hAnsiTheme="majorHAnsi" w:cstheme="majorHAnsi"/>
          <w:szCs w:val="24"/>
        </w:rPr>
      </w:pPr>
      <w:proofErr w:type="spellStart"/>
      <w:r w:rsidRPr="00BD1927">
        <w:rPr>
          <w:rFonts w:asciiTheme="majorHAnsi" w:hAnsiTheme="majorHAnsi" w:cstheme="majorHAnsi"/>
          <w:b/>
          <w:bCs/>
          <w:szCs w:val="24"/>
        </w:rPr>
        <w:lastRenderedPageBreak/>
        <w:t>SSN</w:t>
      </w:r>
      <w:proofErr w:type="spellEnd"/>
      <w:r w:rsidRPr="00BD1927">
        <w:rPr>
          <w:rFonts w:asciiTheme="majorHAnsi" w:hAnsiTheme="majorHAnsi" w:cstheme="majorHAnsi"/>
          <w:b/>
          <w:bCs/>
          <w:szCs w:val="24"/>
        </w:rPr>
        <w:t xml:space="preserve"> Holders Irrevocable </w:t>
      </w:r>
      <w:r w:rsidRPr="00843A74">
        <w:rPr>
          <w:rFonts w:asciiTheme="majorHAnsi" w:hAnsiTheme="majorHAnsi" w:cstheme="majorHAnsi"/>
          <w:b/>
          <w:bCs/>
          <w:szCs w:val="24"/>
        </w:rPr>
        <w:t>Instruction and Authorisation Letter Signing Instructions</w:t>
      </w:r>
    </w:p>
    <w:p w14:paraId="5A4F0D26" w14:textId="77777777" w:rsidR="00FE48EF" w:rsidRDefault="00FE48EF" w:rsidP="00BD1927">
      <w:pPr>
        <w:pStyle w:val="BodyText1"/>
        <w:numPr>
          <w:ilvl w:val="0"/>
          <w:numId w:val="12"/>
        </w:numPr>
        <w:rPr>
          <w:rFonts w:asciiTheme="majorHAnsi" w:hAnsiTheme="majorHAnsi" w:cstheme="majorHAnsi"/>
          <w:szCs w:val="24"/>
        </w:rPr>
      </w:pPr>
      <w:r w:rsidRPr="009E760B">
        <w:rPr>
          <w:rFonts w:asciiTheme="majorHAnsi" w:hAnsiTheme="majorHAnsi" w:cstheme="majorHAnsi"/>
          <w:szCs w:val="24"/>
        </w:rPr>
        <w:t>Please return your executed signature pages to the Information Agent.</w:t>
      </w:r>
    </w:p>
    <w:p w14:paraId="25B8568E" w14:textId="77777777" w:rsidR="00FE48EF" w:rsidRPr="009E760B" w:rsidRDefault="00FE48EF" w:rsidP="00BD1927">
      <w:pPr>
        <w:pStyle w:val="BodyText1"/>
        <w:numPr>
          <w:ilvl w:val="0"/>
          <w:numId w:val="12"/>
        </w:numPr>
        <w:rPr>
          <w:rFonts w:asciiTheme="majorHAnsi" w:hAnsiTheme="majorHAnsi" w:cstheme="majorHAnsi"/>
          <w:szCs w:val="24"/>
        </w:rPr>
      </w:pPr>
      <w:r w:rsidRPr="009E760B">
        <w:rPr>
          <w:rFonts w:asciiTheme="majorHAnsi" w:hAnsiTheme="majorHAnsi" w:cstheme="majorHAnsi"/>
          <w:szCs w:val="24"/>
        </w:rPr>
        <w:t xml:space="preserve">In case an executing party is not of the type a form of signature block is provided for, the signature block can be amended to reflect any formalities required for the executing party to </w:t>
      </w:r>
      <w:r w:rsidRPr="00F87204">
        <w:rPr>
          <w:rFonts w:asciiTheme="majorHAnsi" w:hAnsiTheme="majorHAnsi" w:cstheme="majorHAnsi"/>
          <w:szCs w:val="24"/>
        </w:rPr>
        <w:t>validly execute the Irrevocable Instruction and Authorisation Letter</w:t>
      </w:r>
      <w:r w:rsidRPr="009E760B">
        <w:rPr>
          <w:rFonts w:asciiTheme="majorHAnsi" w:hAnsiTheme="majorHAnsi" w:cstheme="majorHAnsi"/>
          <w:szCs w:val="24"/>
        </w:rPr>
        <w:t xml:space="preserve">. If you are unsure, please contact the Information Agent prior to execution. </w:t>
      </w:r>
    </w:p>
    <w:p w14:paraId="2BDD40B5" w14:textId="77777777" w:rsidR="00FE48EF" w:rsidRPr="00E17785" w:rsidRDefault="00FE48EF" w:rsidP="00BD1927">
      <w:pPr>
        <w:pStyle w:val="BodyText1"/>
        <w:numPr>
          <w:ilvl w:val="0"/>
          <w:numId w:val="12"/>
        </w:numPr>
        <w:rPr>
          <w:rFonts w:asciiTheme="majorHAnsi" w:hAnsiTheme="majorHAnsi" w:cstheme="majorHAnsi"/>
          <w:szCs w:val="24"/>
        </w:rPr>
      </w:pPr>
      <w:r w:rsidRPr="0033556F">
        <w:rPr>
          <w:rFonts w:asciiTheme="majorHAnsi" w:hAnsiTheme="majorHAnsi" w:cstheme="majorHAnsi"/>
          <w:szCs w:val="24"/>
        </w:rPr>
        <w:t>By returning your executed signature pages to the Information Agent, you confirm that</w:t>
      </w:r>
      <w:r>
        <w:rPr>
          <w:rFonts w:asciiTheme="majorHAnsi" w:hAnsiTheme="majorHAnsi" w:cstheme="majorHAnsi"/>
          <w:szCs w:val="24"/>
        </w:rPr>
        <w:t xml:space="preserve"> </w:t>
      </w:r>
      <w:r w:rsidRPr="00E17785">
        <w:rPr>
          <w:rFonts w:asciiTheme="majorHAnsi" w:hAnsiTheme="majorHAnsi" w:cstheme="majorHAnsi"/>
          <w:szCs w:val="24"/>
        </w:rPr>
        <w:t>the person(s) executing the relevant documents have all requisite authorisations to execute the signature pages on behalf of the party signing the documents and to bind it to the terms of the documents to which the execution pages relate</w:t>
      </w:r>
      <w:r>
        <w:rPr>
          <w:rFonts w:asciiTheme="majorHAnsi" w:hAnsiTheme="majorHAnsi" w:cstheme="majorHAnsi"/>
          <w:szCs w:val="24"/>
        </w:rPr>
        <w:t>.</w:t>
      </w:r>
    </w:p>
    <w:bookmarkEnd w:id="0"/>
    <w:p w14:paraId="0497418D" w14:textId="77777777" w:rsidR="00FE48EF" w:rsidRPr="009D31BE" w:rsidRDefault="00FE48EF" w:rsidP="00E07437">
      <w:pPr>
        <w:pStyle w:val="BodyText1"/>
      </w:pPr>
    </w:p>
    <w:sectPr w:rsidR="00FE48EF" w:rsidRPr="009D31BE" w:rsidSect="00822DFD">
      <w:headerReference w:type="even" r:id="rId8"/>
      <w:headerReference w:type="default" r:id="rId9"/>
      <w:footerReference w:type="even" r:id="rId10"/>
      <w:footerReference w:type="default" r:id="rId11"/>
      <w:headerReference w:type="first" r:id="rId12"/>
      <w:footerReference w:type="first" r:id="rId13"/>
      <w:footnotePr>
        <w:numRestart w:val="eachSect"/>
      </w:footnotePr>
      <w:pgSz w:w="11907" w:h="16839"/>
      <w:pgMar w:top="1418" w:right="1134" w:bottom="1418" w:left="1418" w:header="567" w:footer="567" w:gutter="0"/>
      <w:cols w:space="720"/>
      <w:docGrid w:linePitch="299"/>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s>
  <wne:toolbars>
    <wne:acdManifest>
      <wne:acdEntry wne:acdName="acd0"/>
      <wne:acdEntry wne:acdName="acd1"/>
      <wne:acdEntry wne:acdName="acd2"/>
      <wne:acdEntry wne:acdName="acd3"/>
      <wne:acdEntry wne:acdName="acd4"/>
    </wne:acdManifest>
  </wne:toolbars>
  <wne:acds>
    <wne:acd wne:argValue="AgBCAHUAbABsAGUAdAAgADEA" wne:acdName="acd0" wne:fciIndexBasedOn="0065"/>
    <wne:acd wne:argValue="AgBCAHUAbABsAGUAdAAgADIA" wne:acdName="acd1" wne:fciIndexBasedOn="0065"/>
    <wne:acd wne:argValue="AgBCAHUAbABsAGUAdAAgADMA" wne:acdName="acd2" wne:fciIndexBasedOn="0065"/>
    <wne:acd wne:argValue="AgBCAHUAbABsAGUAdAAgADQA" wne:acdName="acd3" wne:fciIndexBasedOn="0065"/>
    <wne:acd wne:argValue="AgBCAHUAbABsAGUAdAAgADUA" wne:acdName="acd4"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591642E" w14:textId="77777777" w:rsidR="00FD244C" w:rsidRDefault="00FD244C" w:rsidP="00FE48EF">
      <w:pPr>
        <w:spacing w:before="0" w:after="0" w:line="240" w:lineRule="auto"/>
      </w:pPr>
      <w:r>
        <w:separator/>
      </w:r>
    </w:p>
  </w:endnote>
  <w:endnote w:type="continuationSeparator" w:id="0">
    <w:p w14:paraId="0177BD28" w14:textId="77777777" w:rsidR="00FD244C" w:rsidRDefault="00FD244C" w:rsidP="00FE48EF">
      <w:pPr>
        <w:spacing w:before="0"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imHei">
    <w:altName w:val="黑体"/>
    <w:panose1 w:val="02010609060101010101"/>
    <w:charset w:val="86"/>
    <w:family w:val="modern"/>
    <w:pitch w:val="fixed"/>
    <w:sig w:usb0="800002BF" w:usb1="38CF7CFA" w:usb2="00000016" w:usb3="00000000" w:csb0="00040001"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Arabic Transparent">
    <w:panose1 w:val="020B0604020202020204"/>
    <w:charset w:val="00"/>
    <w:family w:val="swiss"/>
    <w:pitch w:val="variable"/>
    <w:sig w:usb0="E0002EFF" w:usb1="C000785B" w:usb2="00000009" w:usb3="00000000" w:csb0="000001FF" w:csb1="00000000"/>
  </w:font>
  <w:font w:name="Times New Roman Bold">
    <w:altName w:val="Times New Roman"/>
    <w:panose1 w:val="02020803070505020304"/>
    <w:charset w:val="00"/>
    <w:family w:val="roman"/>
    <w:notTrueType/>
    <w:pitch w:val="default"/>
  </w:font>
  <w:font w:name="SimSun">
    <w:altName w:val="宋体"/>
    <w:panose1 w:val="02010600030101010101"/>
    <w:charset w:val="86"/>
    <w:family w:val="auto"/>
    <w:pitch w:val="variable"/>
    <w:sig w:usb0="00000203" w:usb1="288F0000"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21921A" w14:textId="77777777" w:rsidR="00DB2585" w:rsidRDefault="00DB2585">
    <w:pPr>
      <w:pStyle w:val="Footer"/>
    </w:pPr>
  </w:p>
  <w:p w14:paraId="69EEE60E" w14:textId="77777777" w:rsidR="00DB2585" w:rsidRDefault="00DB2585"/>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W w:w="5000" w:type="pct"/>
      <w:jc w:val="center"/>
      <w:tblBorders>
        <w:top w:val="single" w:sz="4"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119"/>
      <w:gridCol w:w="3118"/>
      <w:gridCol w:w="3118"/>
    </w:tblGrid>
    <w:tr w:rsidR="007D676B" w14:paraId="43E11D07" w14:textId="77777777" w:rsidTr="008A0D88">
      <w:trPr>
        <w:cantSplit/>
        <w:trHeight w:hRule="exact" w:val="680"/>
        <w:jc w:val="center"/>
      </w:trPr>
      <w:tc>
        <w:tcPr>
          <w:tcW w:w="2910" w:type="dxa"/>
          <w:tcBorders>
            <w:top w:val="single" w:sz="4" w:space="0" w:color="auto"/>
          </w:tcBorders>
          <w:vAlign w:val="bottom"/>
        </w:tcPr>
        <w:p w14:paraId="51043213" w14:textId="77777777" w:rsidR="007D676B" w:rsidRPr="008C459F" w:rsidRDefault="007D676B" w:rsidP="008C459F">
          <w:pPr>
            <w:pStyle w:val="liDocID"/>
            <w:rPr>
              <w:rFonts w:asciiTheme="minorHAnsi" w:hAnsiTheme="minorHAnsi" w:cstheme="minorHAnsi"/>
            </w:rPr>
          </w:pPr>
        </w:p>
      </w:tc>
      <w:tc>
        <w:tcPr>
          <w:tcW w:w="2910" w:type="dxa"/>
          <w:tcBorders>
            <w:top w:val="single" w:sz="4" w:space="0" w:color="auto"/>
          </w:tcBorders>
          <w:vAlign w:val="bottom"/>
        </w:tcPr>
        <w:p w14:paraId="2901E9C8" w14:textId="77777777" w:rsidR="007D676B" w:rsidRPr="00E56EE0" w:rsidRDefault="007D676B" w:rsidP="008C459F">
          <w:pPr>
            <w:pStyle w:val="BodyTextNS1"/>
            <w:tabs>
              <w:tab w:val="clear" w:pos="6750"/>
            </w:tabs>
            <w:spacing w:line="240" w:lineRule="auto"/>
            <w:jc w:val="center"/>
            <w:rPr>
              <w:rFonts w:asciiTheme="majorHAnsi" w:hAnsiTheme="majorHAnsi" w:cstheme="majorHAnsi"/>
            </w:rPr>
          </w:pPr>
          <w:r>
            <w:rPr>
              <w:rFonts w:asciiTheme="majorHAnsi" w:hAnsiTheme="majorHAnsi" w:cstheme="majorHAnsi"/>
            </w:rPr>
            <w:fldChar w:fldCharType="begin"/>
          </w:r>
          <w:r>
            <w:rPr>
              <w:rFonts w:asciiTheme="majorHAnsi" w:hAnsiTheme="majorHAnsi" w:cstheme="majorHAnsi"/>
            </w:rPr>
            <w:instrText xml:space="preserve"> PAGE  \* ArabicDash  \* MERGEFORMAT </w:instrText>
          </w:r>
          <w:r>
            <w:rPr>
              <w:rFonts w:asciiTheme="majorHAnsi" w:hAnsiTheme="majorHAnsi" w:cstheme="majorHAnsi"/>
            </w:rPr>
            <w:fldChar w:fldCharType="separate"/>
          </w:r>
          <w:r w:rsidR="00DF006F">
            <w:rPr>
              <w:rFonts w:asciiTheme="majorHAnsi" w:hAnsiTheme="majorHAnsi" w:cstheme="majorHAnsi"/>
              <w:noProof/>
            </w:rPr>
            <w:t>- 1 -</w:t>
          </w:r>
          <w:r>
            <w:rPr>
              <w:rFonts w:asciiTheme="majorHAnsi" w:hAnsiTheme="majorHAnsi" w:cstheme="majorHAnsi"/>
            </w:rPr>
            <w:fldChar w:fldCharType="end"/>
          </w:r>
        </w:p>
      </w:tc>
      <w:sdt>
        <w:sdtPr>
          <w:rPr>
            <w:rFonts w:asciiTheme="majorHAnsi" w:hAnsiTheme="majorHAnsi" w:cstheme="majorHAnsi"/>
          </w:rPr>
          <w:tag w:val="CCMatter"/>
          <w:id w:val="-1941838463"/>
          <w:placeholder>
            <w:docPart w:val="53D0C8227E7D4531A21B14ABCFBBA408"/>
          </w:placeholder>
          <w:showingPlcHdr/>
          <w:text/>
        </w:sdtPr>
        <w:sdtEndPr/>
        <w:sdtContent>
          <w:tc>
            <w:tcPr>
              <w:tcW w:w="2910" w:type="dxa"/>
              <w:tcBorders>
                <w:top w:val="single" w:sz="4" w:space="0" w:color="auto"/>
              </w:tcBorders>
              <w:vAlign w:val="bottom"/>
            </w:tcPr>
            <w:p w14:paraId="49726031" w14:textId="77777777" w:rsidR="007D676B" w:rsidRPr="00E56EE0" w:rsidRDefault="007D676B" w:rsidP="008C459F">
              <w:pPr>
                <w:pStyle w:val="BodyTextNS1"/>
                <w:tabs>
                  <w:tab w:val="clear" w:pos="6750"/>
                </w:tabs>
                <w:spacing w:line="240" w:lineRule="auto"/>
                <w:jc w:val="right"/>
                <w:rPr>
                  <w:rFonts w:asciiTheme="majorHAnsi" w:hAnsiTheme="majorHAnsi" w:cstheme="majorHAnsi"/>
                </w:rPr>
              </w:pPr>
            </w:p>
          </w:tc>
        </w:sdtContent>
      </w:sdt>
    </w:tr>
  </w:tbl>
  <w:p w14:paraId="2E237E98" w14:textId="7A936C05" w:rsidR="007D676B" w:rsidRDefault="006738D0" w:rsidP="006738D0">
    <w:pPr>
      <w:pStyle w:val="BodyTextNS1"/>
    </w:pPr>
    <w:r>
      <w:rPr>
        <w:sz w:val="18"/>
      </w:rPr>
      <w:fldChar w:fldCharType="begin"/>
    </w:r>
    <w:r>
      <w:rPr>
        <w:sz w:val="18"/>
      </w:rPr>
      <w:instrText xml:space="preserve"> </w:instrText>
    </w:r>
    <w:r w:rsidRPr="006738D0">
      <w:rPr>
        <w:sz w:val="18"/>
      </w:rPr>
      <w:instrText>IF "</w:instrText>
    </w:r>
    <w:r w:rsidRPr="006738D0">
      <w:rPr>
        <w:sz w:val="18"/>
      </w:rPr>
      <w:fldChar w:fldCharType="begin"/>
    </w:r>
    <w:r w:rsidRPr="006738D0">
      <w:rPr>
        <w:sz w:val="18"/>
      </w:rPr>
      <w:instrText xml:space="preserve"> DOCVARIABLE "SWDocIDLocation" </w:instrText>
    </w:r>
    <w:r w:rsidRPr="006738D0">
      <w:rPr>
        <w:sz w:val="18"/>
      </w:rPr>
      <w:fldChar w:fldCharType="end"/>
    </w:r>
    <w:r w:rsidRPr="006738D0">
      <w:rPr>
        <w:sz w:val="18"/>
      </w:rPr>
      <w:instrText>" = "1" "</w:instrText>
    </w:r>
    <w:r w:rsidRPr="006738D0">
      <w:rPr>
        <w:sz w:val="18"/>
      </w:rPr>
      <w:fldChar w:fldCharType="begin"/>
    </w:r>
    <w:r w:rsidRPr="006738D0">
      <w:rPr>
        <w:sz w:val="18"/>
      </w:rPr>
      <w:instrText xml:space="preserve"> DOCPROPERTY "SWDocID" </w:instrText>
    </w:r>
    <w:r w:rsidRPr="006738D0">
      <w:rPr>
        <w:sz w:val="18"/>
      </w:rPr>
      <w:fldChar w:fldCharType="separate"/>
    </w:r>
    <w:r w:rsidR="00DD091E">
      <w:rPr>
        <w:sz w:val="18"/>
      </w:rPr>
      <w:instrText>#4866-2061-7893v11</w:instrText>
    </w:r>
    <w:r w:rsidRPr="006738D0">
      <w:rPr>
        <w:sz w:val="18"/>
      </w:rPr>
      <w:fldChar w:fldCharType="end"/>
    </w:r>
    <w:r w:rsidRPr="006738D0">
      <w:rPr>
        <w:sz w:val="18"/>
      </w:rPr>
      <w:instrText>" ""</w:instrText>
    </w:r>
    <w:r>
      <w:rPr>
        <w:sz w:val="18"/>
      </w:rPr>
      <w:instrText xml:space="preserve"> </w:instrTex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DD739D" w14:textId="77777777" w:rsidR="00DB2585" w:rsidRDefault="00DB2585" w:rsidP="00B333D8">
    <w:pPr>
      <w:rPr>
        <w:szCs w:val="24"/>
      </w:rPr>
    </w:pPr>
    <w:r>
      <w:rPr>
        <w:szCs w:val="24"/>
      </w:rPr>
      <w:ptab w:relativeTo="margin" w:alignment="center" w:leader="none"/>
    </w:r>
    <w:r>
      <w:rPr>
        <w:szCs w:val="24"/>
      </w:rPr>
      <w:t xml:space="preserve"> - </w:t>
    </w:r>
    <w:r>
      <w:rPr>
        <w:szCs w:val="24"/>
      </w:rPr>
      <w:fldChar w:fldCharType="begin"/>
    </w:r>
    <w:r>
      <w:rPr>
        <w:szCs w:val="24"/>
      </w:rPr>
      <w:instrText xml:space="preserve"> PAGE ~( - ; - ;0;)~ \* MERGEFORMAT </w:instrText>
    </w:r>
    <w:r>
      <w:rPr>
        <w:szCs w:val="24"/>
      </w:rPr>
      <w:fldChar w:fldCharType="separate"/>
    </w:r>
    <w:r>
      <w:rPr>
        <w:noProof/>
        <w:szCs w:val="24"/>
      </w:rPr>
      <w:t>2</w:t>
    </w:r>
    <w:r>
      <w:rPr>
        <w:szCs w:val="24"/>
      </w:rPr>
      <w:fldChar w:fldCharType="end"/>
    </w:r>
    <w:r>
      <w:rPr>
        <w:szCs w:val="24"/>
      </w:rPr>
      <w:t xml:space="preserve"> - </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FCAB710" w14:textId="77777777" w:rsidR="00FD244C" w:rsidRDefault="00FD244C" w:rsidP="00FE48EF">
      <w:pPr>
        <w:spacing w:before="0" w:after="0" w:line="240" w:lineRule="auto"/>
      </w:pPr>
      <w:r>
        <w:separator/>
      </w:r>
    </w:p>
  </w:footnote>
  <w:footnote w:type="continuationSeparator" w:id="0">
    <w:p w14:paraId="0A293789" w14:textId="77777777" w:rsidR="00FD244C" w:rsidRDefault="00FD244C" w:rsidP="00FE48EF">
      <w:pPr>
        <w:spacing w:before="0" w:after="0" w:line="240" w:lineRule="auto"/>
      </w:pPr>
      <w:r>
        <w:continuationSeparator/>
      </w:r>
    </w:p>
  </w:footnote>
  <w:footnote w:id="1">
    <w:p w14:paraId="6AB16E28" w14:textId="77777777" w:rsidR="00FE48EF" w:rsidRPr="00203ADC" w:rsidRDefault="00FE48EF" w:rsidP="00B86CA9">
      <w:pPr>
        <w:pStyle w:val="FootnoteText"/>
      </w:pPr>
      <w:r>
        <w:rPr>
          <w:rStyle w:val="FootnoteReference"/>
        </w:rPr>
        <w:footnoteRef/>
      </w:r>
      <w:r>
        <w:t xml:space="preserve"> </w:t>
      </w:r>
      <w:r w:rsidRPr="009E760B">
        <w:t>Delete if signatory is not an institution.</w:t>
      </w:r>
    </w:p>
  </w:footnote>
  <w:footnote w:id="2">
    <w:p w14:paraId="33DBEDFE" w14:textId="77777777" w:rsidR="00FE48EF" w:rsidRPr="00203ADC" w:rsidRDefault="00FE48EF" w:rsidP="00B86CA9">
      <w:pPr>
        <w:pStyle w:val="FootnoteText"/>
      </w:pPr>
      <w:r>
        <w:rPr>
          <w:rStyle w:val="FootnoteReference"/>
        </w:rPr>
        <w:footnoteRef/>
      </w:r>
      <w:r>
        <w:t xml:space="preserve"> </w:t>
      </w:r>
      <w:r w:rsidRPr="009E760B">
        <w:t>Delete if signatory is not an individual.</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6269B2" w14:textId="77777777" w:rsidR="00DB2585" w:rsidRDefault="00DB2585">
    <w:pPr>
      <w:pStyle w:val="Header"/>
    </w:pPr>
  </w:p>
  <w:p w14:paraId="5A7D788D" w14:textId="77777777" w:rsidR="00DB2585" w:rsidRDefault="00DB2585"/>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033CBE" w14:textId="77777777" w:rsidR="00F377D6" w:rsidRDefault="00F377D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6EDC39" w14:textId="77777777" w:rsidR="00F377D6" w:rsidRDefault="00F377D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2855D4E"/>
    <w:multiLevelType w:val="multilevel"/>
    <w:tmpl w:val="DF8CA6B0"/>
    <w:name w:val="Bullet"/>
    <w:styleLink w:val="Schedules2"/>
    <w:lvl w:ilvl="0">
      <w:start w:val="1"/>
      <w:numFmt w:val="bullet"/>
      <w:pStyle w:val="Bullet1"/>
      <w:lvlText w:val=""/>
      <w:lvlJc w:val="left"/>
      <w:pPr>
        <w:ind w:left="567" w:hanging="567"/>
      </w:pPr>
      <w:rPr>
        <w:rFonts w:ascii="Symbol" w:hAnsi="Symbol" w:hint="default"/>
        <w:color w:val="auto"/>
      </w:rPr>
    </w:lvl>
    <w:lvl w:ilvl="1">
      <w:start w:val="1"/>
      <w:numFmt w:val="bullet"/>
      <w:pStyle w:val="Bullet2"/>
      <w:lvlText w:val=""/>
      <w:lvlJc w:val="left"/>
      <w:pPr>
        <w:ind w:left="1134" w:hanging="567"/>
      </w:pPr>
      <w:rPr>
        <w:rFonts w:ascii="Symbol" w:hAnsi="Symbol" w:hint="default"/>
        <w:color w:val="auto"/>
      </w:rPr>
    </w:lvl>
    <w:lvl w:ilvl="2">
      <w:start w:val="1"/>
      <w:numFmt w:val="bullet"/>
      <w:pStyle w:val="Bullet3"/>
      <w:lvlText w:val=""/>
      <w:lvlJc w:val="left"/>
      <w:pPr>
        <w:ind w:left="1701" w:hanging="567"/>
      </w:pPr>
      <w:rPr>
        <w:rFonts w:ascii="Symbol" w:hAnsi="Symbol" w:hint="default"/>
        <w:color w:val="auto"/>
      </w:rPr>
    </w:lvl>
    <w:lvl w:ilvl="3">
      <w:start w:val="1"/>
      <w:numFmt w:val="bullet"/>
      <w:pStyle w:val="Bullet4"/>
      <w:lvlText w:val=""/>
      <w:lvlJc w:val="left"/>
      <w:pPr>
        <w:ind w:left="2268" w:hanging="567"/>
      </w:pPr>
      <w:rPr>
        <w:rFonts w:ascii="Symbol" w:hAnsi="Symbol" w:hint="default"/>
        <w:color w:val="auto"/>
      </w:rPr>
    </w:lvl>
    <w:lvl w:ilvl="4">
      <w:start w:val="1"/>
      <w:numFmt w:val="bullet"/>
      <w:pStyle w:val="Bullet5"/>
      <w:lvlText w:val=""/>
      <w:lvlJc w:val="left"/>
      <w:pPr>
        <w:ind w:left="2835" w:hanging="567"/>
      </w:pPr>
      <w:rPr>
        <w:rFonts w:ascii="Symbol" w:hAnsi="Symbol" w:hint="default"/>
        <w:color w:val="auto"/>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 w15:restartNumberingAfterBreak="0">
    <w:nsid w:val="0C54259D"/>
    <w:multiLevelType w:val="multilevel"/>
    <w:tmpl w:val="1C401F1A"/>
    <w:name w:val="Definition Ind"/>
    <w:lvl w:ilvl="0">
      <w:start w:val="1"/>
      <w:numFmt w:val="none"/>
      <w:pStyle w:val="DefinitionInd"/>
      <w:suff w:val="nothing"/>
      <w:lvlText w:val=""/>
      <w:lvlJc w:val="left"/>
      <w:pPr>
        <w:ind w:left="1134" w:firstLine="0"/>
      </w:pPr>
      <w:rPr>
        <w:rFonts w:hint="default"/>
      </w:rPr>
    </w:lvl>
    <w:lvl w:ilvl="1">
      <w:start w:val="1"/>
      <w:numFmt w:val="none"/>
      <w:pStyle w:val="DefinitionInd1"/>
      <w:suff w:val="nothing"/>
      <w:lvlText w:val=""/>
      <w:lvlJc w:val="left"/>
      <w:pPr>
        <w:ind w:left="1134" w:firstLine="0"/>
      </w:pPr>
      <w:rPr>
        <w:rFonts w:hint="default"/>
        <w:b w:val="0"/>
        <w:i w:val="0"/>
        <w:sz w:val="21"/>
      </w:rPr>
    </w:lvl>
    <w:lvl w:ilvl="2">
      <w:start w:val="1"/>
      <w:numFmt w:val="lowerRoman"/>
      <w:pStyle w:val="DefinitionInd2"/>
      <w:lvlText w:val="(%3)"/>
      <w:lvlJc w:val="left"/>
      <w:pPr>
        <w:ind w:left="1701" w:hanging="567"/>
      </w:pPr>
      <w:rPr>
        <w:rFonts w:ascii="Times New Roman" w:hAnsi="Times New Roman" w:hint="default"/>
        <w:b w:val="0"/>
        <w:bCs w:val="0"/>
        <w:i w:val="0"/>
        <w:iCs w:val="0"/>
        <w:caps w:val="0"/>
        <w:smallCaps w:val="0"/>
        <w:strike w:val="0"/>
        <w:dstrike w:val="0"/>
        <w:outline w:val="0"/>
        <w:shadow w:val="0"/>
        <w:emboss w:val="0"/>
        <w:imprint w:val="0"/>
        <w:noProof w:val="0"/>
        <w:vanish w:val="0"/>
        <w:spacing w:val="0"/>
        <w:kern w:val="0"/>
        <w:position w:val="0"/>
        <w:sz w:val="21"/>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upperLetter"/>
      <w:pStyle w:val="DefinitionInd3"/>
      <w:lvlText w:val="(%4)"/>
      <w:lvlJc w:val="left"/>
      <w:pPr>
        <w:ind w:left="2268" w:hanging="567"/>
      </w:pPr>
      <w:rPr>
        <w:rFonts w:hint="default"/>
        <w:b w:val="0"/>
        <w:i w:val="0"/>
        <w:sz w:val="21"/>
      </w:rPr>
    </w:lvl>
    <w:lvl w:ilvl="4">
      <w:start w:val="1"/>
      <w:numFmt w:val="decimal"/>
      <w:pStyle w:val="DefinitionInd4"/>
      <w:lvlText w:val="(%5)"/>
      <w:lvlJc w:val="left"/>
      <w:pPr>
        <w:ind w:left="2835" w:hanging="567"/>
      </w:pPr>
      <w:rPr>
        <w:rFonts w:hint="default"/>
        <w:b w:val="0"/>
        <w:i w:val="0"/>
        <w:sz w:val="21"/>
      </w:rPr>
    </w:lvl>
    <w:lvl w:ilvl="5">
      <w:start w:val="27"/>
      <w:numFmt w:val="lowerLetter"/>
      <w:pStyle w:val="DefinitionInd5"/>
      <w:lvlText w:val="(%6)"/>
      <w:lvlJc w:val="left"/>
      <w:pPr>
        <w:ind w:left="3402" w:hanging="567"/>
      </w:pPr>
      <w:rPr>
        <w:rFonts w:hint="default"/>
        <w:b w:val="0"/>
        <w:i w:val="0"/>
        <w:sz w:val="21"/>
      </w:rPr>
    </w:lvl>
    <w:lvl w:ilvl="6">
      <w:start w:val="1"/>
      <w:numFmt w:val="upperRoman"/>
      <w:pStyle w:val="DefinitionInd6"/>
      <w:lvlText w:val="(%7)"/>
      <w:lvlJc w:val="left"/>
      <w:pPr>
        <w:ind w:left="3969" w:hanging="567"/>
      </w:pPr>
      <w:rPr>
        <w:rFonts w:hint="default"/>
        <w:b w:val="0"/>
        <w:i w:val="0"/>
        <w:sz w:val="21"/>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2" w15:restartNumberingAfterBreak="0">
    <w:nsid w:val="1B4F5E9A"/>
    <w:multiLevelType w:val="hybridMultilevel"/>
    <w:tmpl w:val="0500415A"/>
    <w:lvl w:ilvl="0" w:tplc="0C0A0001">
      <w:start w:val="1"/>
      <w:numFmt w:val="bullet"/>
      <w:lvlText w:val=""/>
      <w:lvlJc w:val="left"/>
      <w:pPr>
        <w:ind w:left="720" w:hanging="360"/>
      </w:pPr>
      <w:rPr>
        <w:rFonts w:ascii="Symbol" w:hAnsi="Symbol" w:hint="default"/>
      </w:rPr>
    </w:lvl>
    <w:lvl w:ilvl="1" w:tplc="0C0A0003">
      <w:start w:val="1"/>
      <w:numFmt w:val="bullet"/>
      <w:lvlText w:val="o"/>
      <w:lvlJc w:val="left"/>
      <w:pPr>
        <w:ind w:left="1440" w:hanging="360"/>
      </w:pPr>
      <w:rPr>
        <w:rFonts w:ascii="Courier New" w:hAnsi="Courier New" w:cs="Courier New" w:hint="default"/>
      </w:rPr>
    </w:lvl>
    <w:lvl w:ilvl="2" w:tplc="0C0A0005" w:tentative="1">
      <w:start w:val="1"/>
      <w:numFmt w:val="bullet"/>
      <w:lvlText w:val=""/>
      <w:lvlJc w:val="left"/>
      <w:pPr>
        <w:ind w:left="2160" w:hanging="360"/>
      </w:pPr>
      <w:rPr>
        <w:rFonts w:ascii="Wingdings" w:hAnsi="Wingdings" w:hint="default"/>
      </w:rPr>
    </w:lvl>
    <w:lvl w:ilvl="3" w:tplc="0C0A0001" w:tentative="1">
      <w:start w:val="1"/>
      <w:numFmt w:val="bullet"/>
      <w:lvlText w:val=""/>
      <w:lvlJc w:val="left"/>
      <w:pPr>
        <w:ind w:left="2880" w:hanging="360"/>
      </w:pPr>
      <w:rPr>
        <w:rFonts w:ascii="Symbol" w:hAnsi="Symbol" w:hint="default"/>
      </w:rPr>
    </w:lvl>
    <w:lvl w:ilvl="4" w:tplc="0C0A0003" w:tentative="1">
      <w:start w:val="1"/>
      <w:numFmt w:val="bullet"/>
      <w:lvlText w:val="o"/>
      <w:lvlJc w:val="left"/>
      <w:pPr>
        <w:ind w:left="3600" w:hanging="360"/>
      </w:pPr>
      <w:rPr>
        <w:rFonts w:ascii="Courier New" w:hAnsi="Courier New" w:cs="Courier New" w:hint="default"/>
      </w:rPr>
    </w:lvl>
    <w:lvl w:ilvl="5" w:tplc="0C0A0005" w:tentative="1">
      <w:start w:val="1"/>
      <w:numFmt w:val="bullet"/>
      <w:lvlText w:val=""/>
      <w:lvlJc w:val="left"/>
      <w:pPr>
        <w:ind w:left="4320" w:hanging="360"/>
      </w:pPr>
      <w:rPr>
        <w:rFonts w:ascii="Wingdings" w:hAnsi="Wingdings" w:hint="default"/>
      </w:rPr>
    </w:lvl>
    <w:lvl w:ilvl="6" w:tplc="0C0A0001" w:tentative="1">
      <w:start w:val="1"/>
      <w:numFmt w:val="bullet"/>
      <w:lvlText w:val=""/>
      <w:lvlJc w:val="left"/>
      <w:pPr>
        <w:ind w:left="5040" w:hanging="360"/>
      </w:pPr>
      <w:rPr>
        <w:rFonts w:ascii="Symbol" w:hAnsi="Symbol" w:hint="default"/>
      </w:rPr>
    </w:lvl>
    <w:lvl w:ilvl="7" w:tplc="0C0A0003" w:tentative="1">
      <w:start w:val="1"/>
      <w:numFmt w:val="bullet"/>
      <w:lvlText w:val="o"/>
      <w:lvlJc w:val="left"/>
      <w:pPr>
        <w:ind w:left="5760" w:hanging="360"/>
      </w:pPr>
      <w:rPr>
        <w:rFonts w:ascii="Courier New" w:hAnsi="Courier New" w:cs="Courier New" w:hint="default"/>
      </w:rPr>
    </w:lvl>
    <w:lvl w:ilvl="8" w:tplc="0C0A0005" w:tentative="1">
      <w:start w:val="1"/>
      <w:numFmt w:val="bullet"/>
      <w:lvlText w:val=""/>
      <w:lvlJc w:val="left"/>
      <w:pPr>
        <w:ind w:left="6480" w:hanging="360"/>
      </w:pPr>
      <w:rPr>
        <w:rFonts w:ascii="Wingdings" w:hAnsi="Wingdings" w:hint="default"/>
      </w:rPr>
    </w:lvl>
  </w:abstractNum>
  <w:abstractNum w:abstractNumId="3" w15:restartNumberingAfterBreak="0">
    <w:nsid w:val="1C506EA1"/>
    <w:multiLevelType w:val="multilevel"/>
    <w:tmpl w:val="7EB09A30"/>
    <w:name w:val="MT_1"/>
    <w:lvl w:ilvl="0">
      <w:start w:val="1"/>
      <w:numFmt w:val="none"/>
      <w:lvlRestart w:val="0"/>
      <w:pStyle w:val="MTDefs"/>
      <w:suff w:val="nothing"/>
      <w:lvlText w:val="%1"/>
      <w:lvlJc w:val="left"/>
      <w:pPr>
        <w:ind w:left="567" w:firstLine="0"/>
      </w:pPr>
      <w:rPr>
        <w:rFonts w:ascii="Times New Roman" w:hAnsi="Times New Roman" w:cs="Times New Roman" w:hint="default"/>
        <w:b w:val="0"/>
        <w:i w:val="0"/>
        <w:caps w:val="0"/>
        <w:strike w:val="0"/>
        <w:dstrike w:val="0"/>
        <w:vanish w:val="0"/>
        <w:color w:val="auto"/>
        <w:sz w:val="23"/>
        <w:u w:val="none"/>
        <w:vertAlign w:val="baseline"/>
      </w:rPr>
    </w:lvl>
    <w:lvl w:ilvl="1">
      <w:start w:val="1"/>
      <w:numFmt w:val="lowerLetter"/>
      <w:pStyle w:val="MTDefs1"/>
      <w:lvlText w:val="(%2)"/>
      <w:lvlJc w:val="left"/>
      <w:pPr>
        <w:tabs>
          <w:tab w:val="num" w:pos="1134"/>
        </w:tabs>
        <w:ind w:left="1134" w:hanging="567"/>
      </w:pPr>
      <w:rPr>
        <w:rFonts w:ascii="Times New Roman" w:hAnsi="Times New Roman" w:cs="Times New Roman" w:hint="default"/>
        <w:b w:val="0"/>
        <w:i w:val="0"/>
        <w:caps w:val="0"/>
        <w:strike w:val="0"/>
        <w:dstrike w:val="0"/>
        <w:vanish w:val="0"/>
        <w:color w:val="auto"/>
        <w:sz w:val="22"/>
        <w:u w:val="none"/>
        <w:vertAlign w:val="baseline"/>
      </w:rPr>
    </w:lvl>
    <w:lvl w:ilvl="2">
      <w:start w:val="1"/>
      <w:numFmt w:val="lowerRoman"/>
      <w:pStyle w:val="MTDefs2"/>
      <w:lvlText w:val="(%3)"/>
      <w:lvlJc w:val="right"/>
      <w:pPr>
        <w:tabs>
          <w:tab w:val="num" w:pos="1701"/>
        </w:tabs>
        <w:ind w:left="1701" w:hanging="283"/>
      </w:pPr>
      <w:rPr>
        <w:rFonts w:ascii="Times New Roman" w:hAnsi="Times New Roman" w:cs="Times New Roman" w:hint="default"/>
        <w:b w:val="0"/>
        <w:i w:val="0"/>
        <w:caps w:val="0"/>
        <w:strike w:val="0"/>
        <w:dstrike w:val="0"/>
        <w:vanish w:val="0"/>
        <w:color w:val="auto"/>
        <w:sz w:val="21"/>
        <w:u w:val="none"/>
        <w:vertAlign w:val="baseline"/>
      </w:rPr>
    </w:lvl>
    <w:lvl w:ilvl="3">
      <w:start w:val="1"/>
      <w:numFmt w:val="upperLetter"/>
      <w:pStyle w:val="MTDefs3"/>
      <w:lvlText w:val="(%4)"/>
      <w:lvlJc w:val="left"/>
      <w:pPr>
        <w:tabs>
          <w:tab w:val="num" w:pos="2268"/>
        </w:tabs>
        <w:ind w:left="2268" w:hanging="567"/>
      </w:pPr>
      <w:rPr>
        <w:rFonts w:ascii="Times New Roman" w:hAnsi="Times New Roman" w:cs="Times New Roman" w:hint="default"/>
        <w:b w:val="0"/>
        <w:i w:val="0"/>
        <w:caps w:val="0"/>
        <w:strike w:val="0"/>
        <w:dstrike w:val="0"/>
        <w:vanish w:val="0"/>
        <w:color w:val="auto"/>
        <w:sz w:val="21"/>
        <w:u w:val="none"/>
        <w:vertAlign w:val="baseline"/>
      </w:rPr>
    </w:lvl>
    <w:lvl w:ilvl="4">
      <w:start w:val="1"/>
      <w:numFmt w:val="decimal"/>
      <w:pStyle w:val="MTDefs4"/>
      <w:lvlText w:val="(%5)"/>
      <w:lvlJc w:val="left"/>
      <w:pPr>
        <w:tabs>
          <w:tab w:val="num" w:pos="2835"/>
        </w:tabs>
        <w:ind w:left="2835" w:hanging="567"/>
      </w:pPr>
      <w:rPr>
        <w:rFonts w:ascii="Times New Roman" w:hAnsi="Times New Roman" w:cs="Times New Roman" w:hint="default"/>
        <w:b w:val="0"/>
        <w:i w:val="0"/>
        <w:caps w:val="0"/>
        <w:strike w:val="0"/>
        <w:dstrike w:val="0"/>
        <w:vanish w:val="0"/>
        <w:color w:val="auto"/>
        <w:sz w:val="21"/>
        <w:u w:val="none"/>
        <w:vertAlign w:val="baseline"/>
      </w:rPr>
    </w:lvl>
    <w:lvl w:ilvl="5">
      <w:start w:val="27"/>
      <w:numFmt w:val="lowerLetter"/>
      <w:pStyle w:val="MTDefs5"/>
      <w:lvlText w:val="(%6)"/>
      <w:lvlJc w:val="left"/>
      <w:pPr>
        <w:tabs>
          <w:tab w:val="num" w:pos="3402"/>
        </w:tabs>
        <w:ind w:left="3402" w:hanging="567"/>
      </w:pPr>
      <w:rPr>
        <w:rFonts w:ascii="Times New Roman" w:hAnsi="Times New Roman" w:cs="Times New Roman" w:hint="default"/>
        <w:b w:val="0"/>
        <w:i w:val="0"/>
        <w:caps w:val="0"/>
        <w:strike w:val="0"/>
        <w:dstrike w:val="0"/>
        <w:vanish w:val="0"/>
        <w:color w:val="auto"/>
        <w:sz w:val="21"/>
        <w:u w:val="none"/>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 w15:restartNumberingAfterBreak="0">
    <w:nsid w:val="274C4528"/>
    <w:multiLevelType w:val="multilevel"/>
    <w:tmpl w:val="77BCC914"/>
    <w:name w:val="Definition"/>
    <w:styleLink w:val="Definitions"/>
    <w:lvl w:ilvl="0">
      <w:start w:val="1"/>
      <w:numFmt w:val="none"/>
      <w:pStyle w:val="Definition"/>
      <w:suff w:val="nothing"/>
      <w:lvlText w:val=""/>
      <w:lvlJc w:val="left"/>
      <w:pPr>
        <w:ind w:left="567" w:firstLine="0"/>
      </w:pPr>
      <w:rPr>
        <w:rFonts w:hint="default"/>
      </w:rPr>
    </w:lvl>
    <w:lvl w:ilvl="1">
      <w:start w:val="1"/>
      <w:numFmt w:val="none"/>
      <w:pStyle w:val="Definition1"/>
      <w:suff w:val="nothing"/>
      <w:lvlText w:val=""/>
      <w:lvlJc w:val="left"/>
      <w:pPr>
        <w:ind w:left="567" w:firstLine="0"/>
      </w:pPr>
      <w:rPr>
        <w:rFonts w:hint="default"/>
        <w:sz w:val="22"/>
      </w:rPr>
    </w:lvl>
    <w:lvl w:ilvl="2">
      <w:start w:val="1"/>
      <w:numFmt w:val="lowerLetter"/>
      <w:pStyle w:val="Definition2"/>
      <w:lvlText w:val="(%3)"/>
      <w:lvlJc w:val="left"/>
      <w:pPr>
        <w:ind w:left="1134" w:hanging="567"/>
      </w:pPr>
      <w:rPr>
        <w:rFonts w:hint="default"/>
        <w:b w:val="0"/>
        <w:i w:val="0"/>
        <w:sz w:val="21"/>
      </w:rPr>
    </w:lvl>
    <w:lvl w:ilvl="3">
      <w:start w:val="1"/>
      <w:numFmt w:val="lowerRoman"/>
      <w:pStyle w:val="Definition3"/>
      <w:lvlText w:val="(%4)"/>
      <w:lvlJc w:val="left"/>
      <w:pPr>
        <w:ind w:left="1701" w:hanging="567"/>
      </w:pPr>
      <w:rPr>
        <w:rFonts w:hint="default"/>
        <w:b w:val="0"/>
        <w:i w:val="0"/>
        <w:sz w:val="21"/>
      </w:rPr>
    </w:lvl>
    <w:lvl w:ilvl="4">
      <w:start w:val="1"/>
      <w:numFmt w:val="upperLetter"/>
      <w:pStyle w:val="Definition4"/>
      <w:lvlText w:val="(%5)"/>
      <w:lvlJc w:val="left"/>
      <w:pPr>
        <w:ind w:left="2268" w:hanging="567"/>
      </w:pPr>
      <w:rPr>
        <w:rFonts w:hint="default"/>
        <w:b w:val="0"/>
        <w:i w:val="0"/>
        <w:sz w:val="21"/>
      </w:rPr>
    </w:lvl>
    <w:lvl w:ilvl="5">
      <w:start w:val="1"/>
      <w:numFmt w:val="decimal"/>
      <w:pStyle w:val="Definition5"/>
      <w:lvlText w:val="(%6)"/>
      <w:lvlJc w:val="left"/>
      <w:pPr>
        <w:ind w:left="2835" w:hanging="567"/>
      </w:pPr>
      <w:rPr>
        <w:rFonts w:hint="default"/>
        <w:b w:val="0"/>
        <w:i w:val="0"/>
        <w:sz w:val="21"/>
      </w:rPr>
    </w:lvl>
    <w:lvl w:ilvl="6">
      <w:start w:val="27"/>
      <w:numFmt w:val="lowerLetter"/>
      <w:pStyle w:val="Definition6"/>
      <w:lvlText w:val="(%7)"/>
      <w:lvlJc w:val="left"/>
      <w:pPr>
        <w:ind w:left="3402" w:hanging="567"/>
      </w:pPr>
      <w:rPr>
        <w:rFonts w:hint="default"/>
        <w:b w:val="0"/>
        <w:i w:val="0"/>
        <w:sz w:val="21"/>
      </w:rPr>
    </w:lvl>
    <w:lvl w:ilvl="7">
      <w:start w:val="1"/>
      <w:numFmt w:val="none"/>
      <w:lvlRestart w:val="0"/>
      <w:suff w:val="nothing"/>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5" w15:restartNumberingAfterBreak="0">
    <w:nsid w:val="3324317B"/>
    <w:multiLevelType w:val="multilevel"/>
    <w:tmpl w:val="CB52AA66"/>
    <w:name w:val="Schedule"/>
    <w:lvl w:ilvl="0">
      <w:start w:val="6"/>
      <w:numFmt w:val="decimal"/>
      <w:pStyle w:val="ScheduleTitle1"/>
      <w:suff w:val="nothing"/>
      <w:lvlText w:val="Schedule %1"/>
      <w:lvlJc w:val="left"/>
      <w:pPr>
        <w:ind w:left="0" w:firstLine="0"/>
      </w:pPr>
      <w:rPr>
        <w:rFonts w:hint="default"/>
        <w:sz w:val="23"/>
      </w:rPr>
    </w:lvl>
    <w:lvl w:ilvl="1">
      <w:numFmt w:val="decimal"/>
      <w:pStyle w:val="SubSchedule3"/>
      <w:suff w:val="nothing"/>
      <w:lvlText w:val="Schedule %2"/>
      <w:lvlJc w:val="left"/>
      <w:pPr>
        <w:ind w:left="0" w:firstLine="0"/>
      </w:pPr>
      <w:rPr>
        <w:rFonts w:hint="default"/>
        <w:sz w:val="23"/>
      </w:rPr>
    </w:lvl>
    <w:lvl w:ilvl="2">
      <w:start w:val="1"/>
      <w:numFmt w:val="upperLetter"/>
      <w:pStyle w:val="SchedulePart2"/>
      <w:suff w:val="nothing"/>
      <w:lvlText w:val="Part %3"/>
      <w:lvlJc w:val="left"/>
      <w:pPr>
        <w:ind w:left="0" w:firstLine="0"/>
      </w:pPr>
      <w:rPr>
        <w:rFonts w:hint="default"/>
      </w:rPr>
    </w:lvl>
    <w:lvl w:ilvl="3">
      <w:start w:val="1"/>
      <w:numFmt w:val="decimal"/>
      <w:pStyle w:val="SchNumber1"/>
      <w:lvlText w:val="%4."/>
      <w:lvlJc w:val="left"/>
      <w:pPr>
        <w:ind w:left="567" w:hanging="567"/>
      </w:pPr>
      <w:rPr>
        <w:rFonts w:ascii="Times New Roman" w:hAnsi="Times New Roman" w:hint="default"/>
        <w:b w:val="0"/>
        <w:i w:val="0"/>
        <w:sz w:val="22"/>
      </w:rPr>
    </w:lvl>
    <w:lvl w:ilvl="4">
      <w:start w:val="1"/>
      <w:numFmt w:val="decimal"/>
      <w:pStyle w:val="SchNumber2"/>
      <w:lvlText w:val="%4.%5"/>
      <w:lvlJc w:val="left"/>
      <w:pPr>
        <w:ind w:left="567" w:hanging="567"/>
      </w:pPr>
      <w:rPr>
        <w:rFonts w:ascii="Times New Roman" w:hAnsi="Times New Roman" w:hint="default"/>
        <w:b w:val="0"/>
        <w:i w:val="0"/>
        <w:sz w:val="22"/>
      </w:rPr>
    </w:lvl>
    <w:lvl w:ilvl="5">
      <w:start w:val="1"/>
      <w:numFmt w:val="lowerLetter"/>
      <w:pStyle w:val="SchNumber3"/>
      <w:lvlText w:val="(%6)"/>
      <w:lvlJc w:val="left"/>
      <w:pPr>
        <w:ind w:left="1134" w:hanging="567"/>
      </w:pPr>
      <w:rPr>
        <w:rFonts w:ascii="Times New Roman" w:hAnsi="Times New Roman" w:hint="default"/>
        <w:b w:val="0"/>
        <w:bCs w:val="0"/>
        <w:i w:val="0"/>
        <w:iCs w:val="0"/>
        <w:sz w:val="22"/>
      </w:rPr>
    </w:lvl>
    <w:lvl w:ilvl="6">
      <w:start w:val="1"/>
      <w:numFmt w:val="lowerRoman"/>
      <w:pStyle w:val="SchNumber4"/>
      <w:lvlText w:val="(%7)"/>
      <w:lvlJc w:val="left"/>
      <w:pPr>
        <w:ind w:left="1701" w:hanging="567"/>
      </w:pPr>
      <w:rPr>
        <w:rFonts w:ascii="Times New Roman" w:hAnsi="Times New Roman" w:hint="default"/>
        <w:b w:val="0"/>
        <w:bCs w:val="0"/>
        <w:i w:val="0"/>
        <w:iCs w:val="0"/>
        <w:sz w:val="22"/>
      </w:rPr>
    </w:lvl>
    <w:lvl w:ilvl="7">
      <w:start w:val="1"/>
      <w:numFmt w:val="upperLetter"/>
      <w:pStyle w:val="SchNumber5"/>
      <w:lvlText w:val="(%8)"/>
      <w:lvlJc w:val="left"/>
      <w:pPr>
        <w:ind w:left="2268" w:hanging="567"/>
      </w:pPr>
      <w:rPr>
        <w:rFonts w:hint="default"/>
        <w:b w:val="0"/>
        <w:i w:val="0"/>
        <w:sz w:val="22"/>
      </w:rPr>
    </w:lvl>
    <w:lvl w:ilvl="8">
      <w:start w:val="1"/>
      <w:numFmt w:val="decimal"/>
      <w:pStyle w:val="SchNumber6"/>
      <w:lvlText w:val="(%9)"/>
      <w:lvlJc w:val="left"/>
      <w:pPr>
        <w:ind w:left="2835" w:hanging="567"/>
      </w:pPr>
      <w:rPr>
        <w:rFonts w:hint="default"/>
        <w:b w:val="0"/>
        <w:i w:val="0"/>
        <w:sz w:val="22"/>
      </w:rPr>
    </w:lvl>
  </w:abstractNum>
  <w:abstractNum w:abstractNumId="6" w15:restartNumberingAfterBreak="0">
    <w:nsid w:val="36620C64"/>
    <w:multiLevelType w:val="multilevel"/>
    <w:tmpl w:val="926E1B14"/>
    <w:name w:val="MT LN Schedules"/>
    <w:lvl w:ilvl="0">
      <w:start w:val="1"/>
      <w:numFmt w:val="decimal"/>
      <w:pStyle w:val="MTLNSch1"/>
      <w:suff w:val="nothing"/>
      <w:lvlText w:val="Schedule %1"/>
      <w:lvlJc w:val="center"/>
      <w:pPr>
        <w:ind w:left="0" w:firstLine="567"/>
      </w:pPr>
      <w:rPr>
        <w:b/>
        <w:i w:val="0"/>
        <w:caps w:val="0"/>
        <w:strike w:val="0"/>
        <w:dstrike w:val="0"/>
        <w:vanish w:val="0"/>
        <w:webHidden w:val="0"/>
        <w:color w:val="auto"/>
        <w:sz w:val="24"/>
        <w:u w:val="none"/>
        <w:effect w:val="none"/>
        <w:vertAlign w:val="baseline"/>
        <w:specVanish w:val="0"/>
      </w:rPr>
    </w:lvl>
    <w:lvl w:ilvl="1">
      <w:start w:val="1"/>
      <w:numFmt w:val="upperLetter"/>
      <w:pStyle w:val="MTLNSch2"/>
      <w:suff w:val="nothing"/>
      <w:lvlText w:val="Part %2"/>
      <w:lvlJc w:val="center"/>
      <w:pPr>
        <w:ind w:left="0" w:firstLine="352"/>
      </w:pPr>
      <w:rPr>
        <w:b/>
        <w:i w:val="0"/>
        <w:caps w:val="0"/>
        <w:strike w:val="0"/>
        <w:dstrike w:val="0"/>
        <w:vanish w:val="0"/>
        <w:webHidden w:val="0"/>
        <w:color w:val="auto"/>
        <w:sz w:val="23"/>
        <w:u w:val="none"/>
        <w:effect w:val="none"/>
        <w:vertAlign w:val="baseline"/>
        <w:specVanish w:val="0"/>
      </w:rPr>
    </w:lvl>
    <w:lvl w:ilvl="2">
      <w:start w:val="1"/>
      <w:numFmt w:val="decimal"/>
      <w:pStyle w:val="MTLNSch3"/>
      <w:lvlText w:val="%3."/>
      <w:lvlJc w:val="left"/>
      <w:pPr>
        <w:tabs>
          <w:tab w:val="num" w:pos="567"/>
        </w:tabs>
        <w:ind w:left="567" w:hanging="567"/>
      </w:pPr>
      <w:rPr>
        <w:rFonts w:ascii="Times New Roman" w:hAnsi="Times New Roman" w:cs="Times New Roman"/>
        <w:b w:val="0"/>
        <w:i w:val="0"/>
        <w:caps w:val="0"/>
        <w:strike w:val="0"/>
        <w:dstrike w:val="0"/>
        <w:vanish w:val="0"/>
        <w:webHidden w:val="0"/>
        <w:color w:val="auto"/>
        <w:sz w:val="23"/>
        <w:u w:val="none"/>
        <w:effect w:val="none"/>
        <w:vertAlign w:val="baseline"/>
        <w:specVanish w:val="0"/>
      </w:rPr>
    </w:lvl>
    <w:lvl w:ilvl="3">
      <w:start w:val="1"/>
      <w:numFmt w:val="decimal"/>
      <w:pStyle w:val="MTLNSch4"/>
      <w:lvlText w:val="%4.%3"/>
      <w:lvlJc w:val="left"/>
      <w:pPr>
        <w:tabs>
          <w:tab w:val="num" w:pos="567"/>
        </w:tabs>
        <w:ind w:left="567" w:hanging="567"/>
      </w:pPr>
      <w:rPr>
        <w:rFonts w:ascii="Times New Roman" w:hAnsi="Times New Roman" w:cs="Times New Roman"/>
        <w:b w:val="0"/>
        <w:i w:val="0"/>
        <w:caps w:val="0"/>
        <w:strike w:val="0"/>
        <w:dstrike w:val="0"/>
        <w:vanish w:val="0"/>
        <w:webHidden w:val="0"/>
        <w:color w:val="auto"/>
        <w:sz w:val="22"/>
        <w:u w:val="none"/>
        <w:effect w:val="none"/>
        <w:vertAlign w:val="baseline"/>
        <w:specVanish w:val="0"/>
      </w:rPr>
    </w:lvl>
    <w:lvl w:ilvl="4">
      <w:start w:val="1"/>
      <w:numFmt w:val="lowerLetter"/>
      <w:pStyle w:val="MTLNSch5"/>
      <w:lvlText w:val="(%5)"/>
      <w:lvlJc w:val="left"/>
      <w:pPr>
        <w:tabs>
          <w:tab w:val="num" w:pos="1134"/>
        </w:tabs>
        <w:ind w:left="1134" w:hanging="567"/>
      </w:pPr>
      <w:rPr>
        <w:rFonts w:ascii="Times New Roman" w:hAnsi="Times New Roman" w:cs="Times New Roman"/>
        <w:b w:val="0"/>
        <w:i w:val="0"/>
        <w:caps w:val="0"/>
        <w:strike w:val="0"/>
        <w:dstrike w:val="0"/>
        <w:vanish w:val="0"/>
        <w:webHidden w:val="0"/>
        <w:color w:val="auto"/>
        <w:sz w:val="22"/>
        <w:u w:val="none"/>
        <w:effect w:val="none"/>
        <w:vertAlign w:val="baseline"/>
        <w:specVanish w:val="0"/>
      </w:rPr>
    </w:lvl>
    <w:lvl w:ilvl="5">
      <w:start w:val="1"/>
      <w:numFmt w:val="lowerRoman"/>
      <w:pStyle w:val="MTLNSch6"/>
      <w:lvlText w:val="(%6)"/>
      <w:lvlJc w:val="right"/>
      <w:pPr>
        <w:tabs>
          <w:tab w:val="num" w:pos="1701"/>
        </w:tabs>
        <w:ind w:left="1702" w:hanging="284"/>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6">
      <w:start w:val="1"/>
      <w:numFmt w:val="upperLetter"/>
      <w:pStyle w:val="MTLNSch7"/>
      <w:lvlText w:val="(%7)"/>
      <w:lvlJc w:val="left"/>
      <w:pPr>
        <w:tabs>
          <w:tab w:val="num" w:pos="2268"/>
        </w:tabs>
        <w:ind w:left="2268" w:hanging="567"/>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7">
      <w:start w:val="1"/>
      <w:numFmt w:val="decimal"/>
      <w:pStyle w:val="MTLNSch8"/>
      <w:suff w:val="nothing"/>
      <w:lvlText w:val="Appendix %8"/>
      <w:lvlJc w:val="center"/>
      <w:pPr>
        <w:ind w:left="0" w:firstLine="567"/>
      </w:pPr>
      <w:rPr>
        <w:b/>
        <w:i w:val="0"/>
        <w:caps w:val="0"/>
        <w:strike w:val="0"/>
        <w:dstrike w:val="0"/>
        <w:vanish w:val="0"/>
        <w:webHidden w:val="0"/>
        <w:color w:val="auto"/>
        <w:sz w:val="24"/>
        <w:u w:val="none"/>
        <w:effect w:val="none"/>
        <w:vertAlign w:val="baseline"/>
        <w:specVanish w:val="0"/>
      </w:rPr>
    </w:lvl>
    <w:lvl w:ilvl="8">
      <w:start w:val="1"/>
      <w:numFmt w:val="decimal"/>
      <w:pStyle w:val="MTLNSch9"/>
      <w:suff w:val="nothing"/>
      <w:lvlText w:val="EXHIBIT %9"/>
      <w:lvlJc w:val="right"/>
      <w:pPr>
        <w:ind w:left="0" w:firstLine="0"/>
      </w:pPr>
      <w:rPr>
        <w:b/>
        <w:i w:val="0"/>
        <w:caps/>
        <w:smallCaps w:val="0"/>
        <w:strike w:val="0"/>
        <w:dstrike w:val="0"/>
        <w:vanish w:val="0"/>
        <w:webHidden w:val="0"/>
        <w:color w:val="auto"/>
        <w:sz w:val="23"/>
        <w:u w:val="none"/>
        <w:effect w:val="none"/>
        <w:vertAlign w:val="baseline"/>
        <w:specVanish w:val="0"/>
      </w:rPr>
    </w:lvl>
  </w:abstractNum>
  <w:abstractNum w:abstractNumId="7" w15:restartNumberingAfterBreak="0">
    <w:nsid w:val="3A3E163E"/>
    <w:multiLevelType w:val="multilevel"/>
    <w:tmpl w:val="E3F0EA18"/>
    <w:name w:val="Schedule_1"/>
    <w:styleLink w:val="Schedules"/>
    <w:lvl w:ilvl="0">
      <w:start w:val="1"/>
      <w:numFmt w:val="decimal"/>
      <w:suff w:val="nothing"/>
      <w:lvlText w:val="Schedule %1"/>
      <w:lvlJc w:val="left"/>
      <w:pPr>
        <w:ind w:left="0" w:firstLine="0"/>
      </w:pPr>
      <w:rPr>
        <w:rFonts w:hint="default"/>
        <w:sz w:val="23"/>
      </w:rPr>
    </w:lvl>
    <w:lvl w:ilvl="1">
      <w:numFmt w:val="decimal"/>
      <w:suff w:val="nothing"/>
      <w:lvlText w:val="Schedule %2"/>
      <w:lvlJc w:val="left"/>
      <w:pPr>
        <w:ind w:left="0" w:firstLine="0"/>
      </w:pPr>
      <w:rPr>
        <w:rFonts w:hint="default"/>
        <w:sz w:val="23"/>
      </w:rPr>
    </w:lvl>
    <w:lvl w:ilvl="2">
      <w:start w:val="1"/>
      <w:numFmt w:val="upperLetter"/>
      <w:suff w:val="nothing"/>
      <w:lvlText w:val="Part %3"/>
      <w:lvlJc w:val="left"/>
      <w:pPr>
        <w:ind w:left="0" w:firstLine="0"/>
      </w:pPr>
      <w:rPr>
        <w:rFonts w:hint="default"/>
      </w:rPr>
    </w:lvl>
    <w:lvl w:ilvl="3">
      <w:start w:val="1"/>
      <w:numFmt w:val="decimal"/>
      <w:lvlText w:val="%4."/>
      <w:lvlJc w:val="left"/>
      <w:pPr>
        <w:ind w:left="567" w:hanging="567"/>
      </w:pPr>
      <w:rPr>
        <w:rFonts w:ascii="Times New Roman" w:hAnsi="Times New Roman" w:hint="default"/>
        <w:b w:val="0"/>
        <w:i w:val="0"/>
        <w:sz w:val="22"/>
      </w:rPr>
    </w:lvl>
    <w:lvl w:ilvl="4">
      <w:start w:val="1"/>
      <w:numFmt w:val="decimal"/>
      <w:lvlText w:val="%4.%5"/>
      <w:lvlJc w:val="left"/>
      <w:pPr>
        <w:ind w:left="567" w:hanging="567"/>
      </w:pPr>
      <w:rPr>
        <w:rFonts w:ascii="Times New Roman" w:hAnsi="Times New Roman" w:hint="default"/>
        <w:b w:val="0"/>
        <w:i w:val="0"/>
        <w:sz w:val="22"/>
      </w:rPr>
    </w:lvl>
    <w:lvl w:ilvl="5">
      <w:start w:val="1"/>
      <w:numFmt w:val="lowerLetter"/>
      <w:lvlText w:val="(%6)"/>
      <w:lvlJc w:val="left"/>
      <w:pPr>
        <w:ind w:left="1134" w:hanging="567"/>
      </w:pPr>
      <w:rPr>
        <w:rFonts w:ascii="Times New Roman" w:hAnsi="Times New Roman" w:hint="default"/>
        <w:b w:val="0"/>
        <w:bCs w:val="0"/>
        <w:i w:val="0"/>
        <w:iCs w:val="0"/>
        <w:sz w:val="22"/>
      </w:rPr>
    </w:lvl>
    <w:lvl w:ilvl="6">
      <w:start w:val="1"/>
      <w:numFmt w:val="lowerRoman"/>
      <w:lvlText w:val="(%7)"/>
      <w:lvlJc w:val="left"/>
      <w:pPr>
        <w:ind w:left="1701" w:hanging="567"/>
      </w:pPr>
      <w:rPr>
        <w:rFonts w:ascii="Times New Roman" w:hAnsi="Times New Roman" w:hint="default"/>
        <w:b w:val="0"/>
        <w:bCs w:val="0"/>
        <w:i w:val="0"/>
        <w:iCs w:val="0"/>
        <w:sz w:val="22"/>
      </w:rPr>
    </w:lvl>
    <w:lvl w:ilvl="7">
      <w:start w:val="1"/>
      <w:numFmt w:val="upperLetter"/>
      <w:lvlText w:val="(%8)"/>
      <w:lvlJc w:val="left"/>
      <w:pPr>
        <w:ind w:left="2268" w:hanging="567"/>
      </w:pPr>
      <w:rPr>
        <w:rFonts w:hint="default"/>
        <w:b w:val="0"/>
        <w:i w:val="0"/>
        <w:sz w:val="22"/>
      </w:rPr>
    </w:lvl>
    <w:lvl w:ilvl="8">
      <w:start w:val="1"/>
      <w:numFmt w:val="decimal"/>
      <w:lvlText w:val="(%9)"/>
      <w:lvlJc w:val="left"/>
      <w:pPr>
        <w:ind w:left="2835" w:hanging="567"/>
      </w:pPr>
      <w:rPr>
        <w:rFonts w:hint="default"/>
        <w:b w:val="0"/>
        <w:i w:val="0"/>
        <w:sz w:val="22"/>
      </w:rPr>
    </w:lvl>
  </w:abstractNum>
  <w:abstractNum w:abstractNumId="8" w15:restartNumberingAfterBreak="0">
    <w:nsid w:val="3CD744FB"/>
    <w:multiLevelType w:val="multilevel"/>
    <w:tmpl w:val="9B9E9DCE"/>
    <w:name w:val="MT LN Num"/>
    <w:lvl w:ilvl="0">
      <w:start w:val="1"/>
      <w:numFmt w:val="decimal"/>
      <w:pStyle w:val="MTNum"/>
      <w:lvlText w:val="%1."/>
      <w:lvlJc w:val="left"/>
      <w:pPr>
        <w:tabs>
          <w:tab w:val="num" w:pos="567"/>
        </w:tabs>
        <w:ind w:left="567" w:hanging="567"/>
      </w:pPr>
      <w:rPr>
        <w:rFonts w:ascii="Times New Roman" w:hAnsi="Times New Roman" w:cs="Times New Roman"/>
        <w:b w:val="0"/>
        <w:i w:val="0"/>
        <w:caps w:val="0"/>
        <w:strike w:val="0"/>
        <w:dstrike w:val="0"/>
        <w:vanish w:val="0"/>
        <w:webHidden w:val="0"/>
        <w:color w:val="auto"/>
        <w:sz w:val="23"/>
        <w:u w:val="none"/>
        <w:effect w:val="none"/>
        <w:vertAlign w:val="baseline"/>
        <w:specVanish w:val="0"/>
      </w:rPr>
    </w:lvl>
    <w:lvl w:ilvl="1">
      <w:start w:val="1"/>
      <w:numFmt w:val="decimal"/>
      <w:pStyle w:val="MTNum1"/>
      <w:lvlText w:val="%1.%2"/>
      <w:lvlJc w:val="left"/>
      <w:pPr>
        <w:tabs>
          <w:tab w:val="num" w:pos="567"/>
        </w:tabs>
        <w:ind w:left="567" w:hanging="567"/>
      </w:pPr>
      <w:rPr>
        <w:rFonts w:ascii="Times New Roman" w:hAnsi="Times New Roman" w:cs="Times New Roman"/>
        <w:b w:val="0"/>
        <w:i w:val="0"/>
        <w:caps w:val="0"/>
        <w:strike w:val="0"/>
        <w:dstrike w:val="0"/>
        <w:vanish w:val="0"/>
        <w:webHidden w:val="0"/>
        <w:color w:val="auto"/>
        <w:sz w:val="22"/>
        <w:u w:val="none"/>
        <w:effect w:val="none"/>
        <w:vertAlign w:val="baseline"/>
        <w:specVanish w:val="0"/>
      </w:rPr>
    </w:lvl>
    <w:lvl w:ilvl="2">
      <w:start w:val="1"/>
      <w:numFmt w:val="lowerLetter"/>
      <w:pStyle w:val="MTNum2"/>
      <w:lvlText w:val="(%3)"/>
      <w:lvlJc w:val="left"/>
      <w:pPr>
        <w:tabs>
          <w:tab w:val="num" w:pos="1134"/>
        </w:tabs>
        <w:ind w:left="1134" w:hanging="567"/>
      </w:pPr>
      <w:rPr>
        <w:rFonts w:ascii="Times New Roman" w:hAnsi="Times New Roman" w:cs="Times New Roman"/>
        <w:b w:val="0"/>
        <w:i w:val="0"/>
        <w:caps w:val="0"/>
        <w:strike w:val="0"/>
        <w:dstrike w:val="0"/>
        <w:vanish w:val="0"/>
        <w:webHidden w:val="0"/>
        <w:color w:val="auto"/>
        <w:sz w:val="22"/>
        <w:u w:val="none"/>
        <w:effect w:val="none"/>
        <w:vertAlign w:val="baseline"/>
        <w:specVanish w:val="0"/>
      </w:rPr>
    </w:lvl>
    <w:lvl w:ilvl="3">
      <w:start w:val="1"/>
      <w:numFmt w:val="lowerRoman"/>
      <w:pStyle w:val="MTNum3"/>
      <w:lvlText w:val="(%4)"/>
      <w:lvlJc w:val="right"/>
      <w:pPr>
        <w:tabs>
          <w:tab w:val="num" w:pos="1701"/>
        </w:tabs>
        <w:ind w:left="1701" w:hanging="283"/>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4">
      <w:start w:val="1"/>
      <w:numFmt w:val="upperLetter"/>
      <w:pStyle w:val="MTNum4"/>
      <w:lvlText w:val="(%5)"/>
      <w:lvlJc w:val="left"/>
      <w:pPr>
        <w:tabs>
          <w:tab w:val="num" w:pos="2268"/>
        </w:tabs>
        <w:ind w:left="2268" w:hanging="567"/>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5">
      <w:start w:val="1"/>
      <w:numFmt w:val="decimal"/>
      <w:pStyle w:val="MTNum5"/>
      <w:lvlText w:val="(%6)"/>
      <w:lvlJc w:val="left"/>
      <w:pPr>
        <w:tabs>
          <w:tab w:val="num" w:pos="2835"/>
        </w:tabs>
        <w:ind w:left="2835" w:hanging="567"/>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6">
      <w:start w:val="27"/>
      <w:numFmt w:val="lowerLetter"/>
      <w:pStyle w:val="MTNum6"/>
      <w:lvlText w:val="(%7)"/>
      <w:lvlJc w:val="left"/>
      <w:pPr>
        <w:tabs>
          <w:tab w:val="num" w:pos="3402"/>
        </w:tabs>
        <w:ind w:left="3402" w:hanging="567"/>
      </w:pPr>
      <w:rPr>
        <w:rFonts w:ascii="Times New Roman" w:hAnsi="Times New Roman" w:cs="Times New Roman"/>
        <w:b w:val="0"/>
        <w:i w:val="0"/>
        <w:caps w:val="0"/>
        <w:strike w:val="0"/>
        <w:dstrike w:val="0"/>
        <w:vanish w:val="0"/>
        <w:webHidden w:val="0"/>
        <w:color w:val="auto"/>
        <w:sz w:val="21"/>
        <w:u w:val="none"/>
        <w:effect w:val="none"/>
        <w:vertAlign w:val="baseline"/>
        <w:specVanish w:val="0"/>
      </w:r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9" w15:restartNumberingAfterBreak="0">
    <w:nsid w:val="3E226B8E"/>
    <w:multiLevelType w:val="multilevel"/>
    <w:tmpl w:val="47C48110"/>
    <w:name w:val="Heading"/>
    <w:styleLink w:val="MainNumbering"/>
    <w:lvl w:ilvl="0">
      <w:start w:val="1"/>
      <w:numFmt w:val="decimal"/>
      <w:pStyle w:val="NumberLevel1"/>
      <w:lvlText w:val="%1."/>
      <w:lvlJc w:val="left"/>
      <w:pPr>
        <w:ind w:left="567" w:hanging="567"/>
      </w:pPr>
      <w:rPr>
        <w:rFonts w:ascii="Times New Roman" w:hAnsi="Times New Roman" w:hint="default"/>
        <w:b w:val="0"/>
        <w:i w:val="0"/>
        <w:sz w:val="23"/>
      </w:rPr>
    </w:lvl>
    <w:lvl w:ilvl="1">
      <w:start w:val="1"/>
      <w:numFmt w:val="decimal"/>
      <w:pStyle w:val="NumberLevel2"/>
      <w:lvlText w:val="%1.%2"/>
      <w:lvlJc w:val="left"/>
      <w:pPr>
        <w:ind w:left="567" w:hanging="567"/>
      </w:pPr>
      <w:rPr>
        <w:rFonts w:hint="default"/>
        <w:b w:val="0"/>
        <w:i w:val="0"/>
        <w:sz w:val="22"/>
      </w:rPr>
    </w:lvl>
    <w:lvl w:ilvl="2">
      <w:start w:val="1"/>
      <w:numFmt w:val="lowerLetter"/>
      <w:pStyle w:val="NumberLevel3"/>
      <w:lvlText w:val="(%3)"/>
      <w:lvlJc w:val="left"/>
      <w:pPr>
        <w:ind w:left="1134" w:hanging="567"/>
      </w:pPr>
      <w:rPr>
        <w:rFonts w:hint="default"/>
        <w:b w:val="0"/>
        <w:i w:val="0"/>
        <w:caps w:val="0"/>
        <w:sz w:val="22"/>
      </w:rPr>
    </w:lvl>
    <w:lvl w:ilvl="3">
      <w:start w:val="1"/>
      <w:numFmt w:val="lowerRoman"/>
      <w:pStyle w:val="NumberLevel4"/>
      <w:lvlText w:val="(%4)"/>
      <w:lvlJc w:val="left"/>
      <w:pPr>
        <w:ind w:left="1701" w:hanging="567"/>
      </w:pPr>
      <w:rPr>
        <w:rFonts w:hint="default"/>
        <w:b w:val="0"/>
        <w:bCs w:val="0"/>
        <w:i w:val="0"/>
        <w:iCs w:val="0"/>
        <w:sz w:val="21"/>
      </w:rPr>
    </w:lvl>
    <w:lvl w:ilvl="4">
      <w:start w:val="1"/>
      <w:numFmt w:val="upperLetter"/>
      <w:pStyle w:val="NumberLevel5"/>
      <w:lvlText w:val="(%5)"/>
      <w:lvlJc w:val="left"/>
      <w:pPr>
        <w:ind w:left="2268" w:hanging="567"/>
      </w:pPr>
      <w:rPr>
        <w:rFonts w:hint="default"/>
        <w:b w:val="0"/>
        <w:bCs w:val="0"/>
        <w:i w:val="0"/>
        <w:iCs w:val="0"/>
        <w:sz w:val="21"/>
      </w:rPr>
    </w:lvl>
    <w:lvl w:ilvl="5">
      <w:start w:val="1"/>
      <w:numFmt w:val="decimal"/>
      <w:pStyle w:val="NumberLevel6"/>
      <w:lvlText w:val="(%6)"/>
      <w:lvlJc w:val="left"/>
      <w:pPr>
        <w:ind w:left="2835" w:hanging="567"/>
      </w:pPr>
      <w:rPr>
        <w:rFonts w:hint="default"/>
        <w:b w:val="0"/>
        <w:i w:val="0"/>
        <w:sz w:val="21"/>
      </w:rPr>
    </w:lvl>
    <w:lvl w:ilvl="6">
      <w:start w:val="27"/>
      <w:numFmt w:val="lowerLetter"/>
      <w:pStyle w:val="NumberLevel7"/>
      <w:lvlText w:val="(%7)"/>
      <w:lvlJc w:val="left"/>
      <w:pPr>
        <w:ind w:left="3402" w:hanging="567"/>
      </w:pPr>
      <w:rPr>
        <w:rFonts w:hint="default"/>
        <w:b w:val="0"/>
        <w:i w:val="0"/>
        <w:sz w:val="21"/>
      </w:rPr>
    </w:lvl>
    <w:lvl w:ilvl="7">
      <w:start w:val="1"/>
      <w:numFmt w:val="upperRoman"/>
      <w:pStyle w:val="NumberLevel8"/>
      <w:lvlText w:val="(%8)"/>
      <w:lvlJc w:val="right"/>
      <w:pPr>
        <w:ind w:left="3969" w:hanging="283"/>
      </w:pPr>
      <w:rPr>
        <w:rFonts w:hint="default"/>
        <w:b w:val="0"/>
        <w:i w:val="0"/>
        <w:sz w:val="18"/>
      </w:rPr>
    </w:lvl>
    <w:lvl w:ilvl="8">
      <w:start w:val="1"/>
      <w:numFmt w:val="none"/>
      <w:lvlRestart w:val="0"/>
      <w:suff w:val="nothing"/>
      <w:lvlText w:val=""/>
      <w:lvlJc w:val="left"/>
      <w:pPr>
        <w:ind w:left="0" w:firstLine="0"/>
      </w:pPr>
      <w:rPr>
        <w:rFonts w:hint="default"/>
      </w:rPr>
    </w:lvl>
  </w:abstractNum>
  <w:abstractNum w:abstractNumId="10" w15:restartNumberingAfterBreak="0">
    <w:nsid w:val="45BF61CD"/>
    <w:multiLevelType w:val="multilevel"/>
    <w:tmpl w:val="39FAA928"/>
    <w:name w:val="MT Standard"/>
    <w:lvl w:ilvl="0">
      <w:start w:val="1"/>
      <w:numFmt w:val="upperRoman"/>
      <w:pStyle w:val="MTH1"/>
      <w:suff w:val="nothing"/>
      <w:lvlText w:val="Article %1"/>
      <w:lvlJc w:val="left"/>
      <w:pPr>
        <w:ind w:left="0" w:firstLine="0"/>
      </w:pPr>
      <w:rPr>
        <w:b/>
        <w:i w:val="0"/>
        <w:caps/>
        <w:strike w:val="0"/>
        <w:dstrike w:val="0"/>
        <w:vanish w:val="0"/>
        <w:webHidden w:val="0"/>
        <w:color w:val="auto"/>
        <w:sz w:val="24"/>
        <w:u w:val="none"/>
        <w:effect w:val="none"/>
        <w:vertAlign w:val="baseline"/>
        <w:specVanish w:val="0"/>
      </w:rPr>
    </w:lvl>
    <w:lvl w:ilvl="1">
      <w:start w:val="1"/>
      <w:numFmt w:val="decimal"/>
      <w:pStyle w:val="MTH2"/>
      <w:isLgl/>
      <w:lvlText w:val="Section %1.%2"/>
      <w:lvlJc w:val="left"/>
      <w:pPr>
        <w:tabs>
          <w:tab w:val="num" w:pos="1440"/>
        </w:tabs>
        <w:ind w:left="0" w:firstLine="72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2">
      <w:start w:val="1"/>
      <w:numFmt w:val="lowerLetter"/>
      <w:pStyle w:val="MTH3"/>
      <w:lvlText w:val="(%3)"/>
      <w:lvlJc w:val="left"/>
      <w:pPr>
        <w:tabs>
          <w:tab w:val="num" w:pos="1440"/>
        </w:tabs>
        <w:ind w:left="0" w:firstLine="72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3">
      <w:start w:val="1"/>
      <w:numFmt w:val="lowerLetter"/>
      <w:pStyle w:val="MTH4"/>
      <w:lvlText w:val="%4."/>
      <w:lvlJc w:val="left"/>
      <w:pPr>
        <w:tabs>
          <w:tab w:val="num" w:pos="2880"/>
        </w:tabs>
        <w:ind w:left="2160" w:hanging="72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4">
      <w:start w:val="1"/>
      <w:numFmt w:val="lowerLetter"/>
      <w:pStyle w:val="MTH5"/>
      <w:lvlText w:val="%5."/>
      <w:lvlJc w:val="left"/>
      <w:pPr>
        <w:tabs>
          <w:tab w:val="num" w:pos="3600"/>
        </w:tabs>
        <w:ind w:left="0" w:firstLine="288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5">
      <w:start w:val="1"/>
      <w:numFmt w:val="lowerRoman"/>
      <w:pStyle w:val="MTH6"/>
      <w:lvlText w:val="%6."/>
      <w:lvlJc w:val="left"/>
      <w:pPr>
        <w:tabs>
          <w:tab w:val="num" w:pos="4320"/>
        </w:tabs>
        <w:ind w:left="0" w:firstLine="360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6">
      <w:start w:val="1"/>
      <w:numFmt w:val="decimal"/>
      <w:pStyle w:val="MTH7"/>
      <w:lvlText w:val="%7)"/>
      <w:lvlJc w:val="left"/>
      <w:pPr>
        <w:tabs>
          <w:tab w:val="num" w:pos="5040"/>
        </w:tabs>
        <w:ind w:left="0" w:firstLine="432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7">
      <w:start w:val="1"/>
      <w:numFmt w:val="lowerLetter"/>
      <w:pStyle w:val="MTH8"/>
      <w:lvlText w:val="%8)"/>
      <w:lvlJc w:val="left"/>
      <w:pPr>
        <w:tabs>
          <w:tab w:val="num" w:pos="5760"/>
        </w:tabs>
        <w:ind w:left="0" w:firstLine="504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lvl w:ilvl="8">
      <w:start w:val="1"/>
      <w:numFmt w:val="lowerRoman"/>
      <w:pStyle w:val="MTH9"/>
      <w:lvlText w:val="%9)"/>
      <w:lvlJc w:val="left"/>
      <w:pPr>
        <w:tabs>
          <w:tab w:val="num" w:pos="6480"/>
        </w:tabs>
        <w:ind w:left="0" w:firstLine="576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rPr>
    </w:lvl>
  </w:abstractNum>
  <w:abstractNum w:abstractNumId="11" w15:restartNumberingAfterBreak="0">
    <w:nsid w:val="5A6D559D"/>
    <w:multiLevelType w:val="hybridMultilevel"/>
    <w:tmpl w:val="BE08A94C"/>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5F6C74A7"/>
    <w:multiLevelType w:val="multilevel"/>
    <w:tmpl w:val="88CC7A16"/>
    <w:name w:val="Parties"/>
    <w:styleLink w:val="Parties"/>
    <w:lvl w:ilvl="0">
      <w:start w:val="1"/>
      <w:numFmt w:val="decimal"/>
      <w:lvlRestart w:val="0"/>
      <w:pStyle w:val="Parties1"/>
      <w:lvlText w:val="(%1)"/>
      <w:lvlJc w:val="left"/>
      <w:pPr>
        <w:ind w:left="567" w:hanging="567"/>
      </w:pPr>
      <w:rPr>
        <w:rFonts w:ascii="Times New Roman" w:hAnsi="Times New Roman" w:cs="Times New Roman" w:hint="default"/>
        <w:b w:val="0"/>
        <w:i w:val="0"/>
        <w:caps w:val="0"/>
        <w:strike w:val="0"/>
        <w:dstrike w:val="0"/>
        <w:vanish w:val="0"/>
        <w:color w:val="auto"/>
        <w:sz w:val="22"/>
        <w:u w:val="none"/>
        <w:vertAlign w:val="baseline"/>
      </w:rPr>
    </w:lvl>
    <w:lvl w:ilvl="1">
      <w:start w:val="1"/>
      <w:numFmt w:val="upperLetter"/>
      <w:pStyle w:val="Background1"/>
      <w:lvlText w:val="(%2)"/>
      <w:lvlJc w:val="left"/>
      <w:pPr>
        <w:ind w:left="567" w:hanging="567"/>
      </w:pPr>
      <w:rPr>
        <w:rFonts w:ascii="Times New Roman" w:hAnsi="Times New Roman" w:cs="Times New Roman" w:hint="default"/>
        <w:b w:val="0"/>
        <w:i w:val="0"/>
        <w:caps w:val="0"/>
        <w:strike w:val="0"/>
        <w:dstrike w:val="0"/>
        <w:vanish w:val="0"/>
        <w:color w:val="auto"/>
        <w:sz w:val="21"/>
        <w:u w:val="none"/>
        <w:vertAlign w:val="baseline"/>
      </w:rPr>
    </w:lvl>
    <w:lvl w:ilvl="2">
      <w:start w:val="1"/>
      <w:numFmt w:val="lowerRoman"/>
      <w:pStyle w:val="Background2"/>
      <w:lvlText w:val="(%3)"/>
      <w:lvlJc w:val="left"/>
      <w:pPr>
        <w:ind w:left="1134" w:hanging="567"/>
      </w:pPr>
      <w:rPr>
        <w:rFonts w:ascii="Times New Roman" w:hAnsi="Times New Roman" w:cs="Times New Roman" w:hint="default"/>
        <w:b w:val="0"/>
        <w:i w:val="0"/>
        <w:caps w:val="0"/>
        <w:strike w:val="0"/>
        <w:dstrike w:val="0"/>
        <w:vanish w:val="0"/>
        <w:color w:val="auto"/>
        <w:sz w:val="21"/>
        <w:u w:val="none"/>
        <w:vertAlign w:val="baseline"/>
      </w:rPr>
    </w:lvl>
    <w:lvl w:ilvl="3">
      <w:start w:val="1"/>
      <w:numFmt w:val="lowerLetter"/>
      <w:lvlRestart w:val="1"/>
      <w:pStyle w:val="Background3"/>
      <w:lvlText w:val="(%4)"/>
      <w:lvlJc w:val="left"/>
      <w:pPr>
        <w:ind w:left="1701" w:hanging="567"/>
      </w:pPr>
      <w:rPr>
        <w:rFonts w:ascii="Times New Roman" w:hAnsi="Times New Roman" w:cs="Times New Roman" w:hint="default"/>
        <w:b w:val="0"/>
        <w:i w:val="0"/>
        <w:caps w:val="0"/>
        <w:strike w:val="0"/>
        <w:dstrike w:val="0"/>
        <w:vanish w:val="0"/>
        <w:color w:val="auto"/>
        <w:sz w:val="21"/>
        <w:u w:val="none"/>
        <w:vertAlign w:val="baseline"/>
      </w:rPr>
    </w:lvl>
    <w:lvl w:ilvl="4">
      <w:start w:val="1"/>
      <w:numFmt w:val="decimal"/>
      <w:pStyle w:val="Background4"/>
      <w:lvlText w:val="(%5)"/>
      <w:lvlJc w:val="left"/>
      <w:pPr>
        <w:ind w:left="2268" w:hanging="567"/>
      </w:pPr>
      <w:rPr>
        <w:rFonts w:ascii="Times New Roman" w:hAnsi="Times New Roman" w:cs="Times New Roman" w:hint="default"/>
        <w:b w:val="0"/>
        <w:i w:val="0"/>
        <w:caps w:val="0"/>
        <w:strike w:val="0"/>
        <w:dstrike w:val="0"/>
        <w:vanish w:val="0"/>
        <w:color w:val="auto"/>
        <w:sz w:val="21"/>
        <w:u w:val="none"/>
        <w:vertAlign w:val="baseline"/>
      </w:rPr>
    </w:lvl>
    <w:lvl w:ilvl="5">
      <w:start w:val="27"/>
      <w:numFmt w:val="lowerLetter"/>
      <w:lvlRestart w:val="0"/>
      <w:pStyle w:val="Background5"/>
      <w:lvlText w:val="(%6)"/>
      <w:lvlJc w:val="left"/>
      <w:pPr>
        <w:ind w:left="2835" w:hanging="567"/>
      </w:pPr>
      <w:rPr>
        <w:rFonts w:ascii="Times New Roman" w:hAnsi="Times New Roman" w:cs="Times New Roman" w:hint="default"/>
        <w:b w:val="0"/>
        <w:i w:val="0"/>
        <w:caps w:val="0"/>
        <w:strike w:val="0"/>
        <w:dstrike w:val="0"/>
        <w:vanish w:val="0"/>
        <w:color w:val="auto"/>
        <w:sz w:val="21"/>
        <w:u w:val="none"/>
        <w:vertAlign w:val="baseline"/>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num w:numId="1" w16cid:durableId="820540861">
    <w:abstractNumId w:val="0"/>
  </w:num>
  <w:num w:numId="2" w16cid:durableId="905258837">
    <w:abstractNumId w:val="1"/>
  </w:num>
  <w:num w:numId="3" w16cid:durableId="1474519659">
    <w:abstractNumId w:val="4"/>
  </w:num>
  <w:num w:numId="4" w16cid:durableId="1952469131">
    <w:abstractNumId w:val="12"/>
  </w:num>
  <w:num w:numId="5" w16cid:durableId="721906086">
    <w:abstractNumId w:val="7"/>
  </w:num>
  <w:num w:numId="6" w16cid:durableId="1471821786">
    <w:abstractNumId w:val="9"/>
  </w:num>
  <w:num w:numId="7" w16cid:durableId="1856788">
    <w:abstractNumId w:val="7"/>
    <w:lvlOverride w:ilvl="0">
      <w:startOverride w:val="1"/>
      <w:lvl w:ilvl="0">
        <w:start w:val="1"/>
        <w:numFmt w:val="decimal"/>
        <w:lvlText w:val="Schedule %1"/>
        <w:lvlJc w:val="left"/>
        <w:pPr>
          <w:ind w:left="0" w:firstLine="0"/>
        </w:pPr>
        <w:rPr>
          <w:rFonts w:hint="default"/>
          <w:sz w:val="24"/>
        </w:rPr>
      </w:lvl>
    </w:lvlOverride>
    <w:lvlOverride w:ilvl="1">
      <w:lvl w:ilvl="1">
        <w:numFmt w:val="decimal"/>
        <w:lvlText w:val="Schedule %2"/>
        <w:lvlJc w:val="left"/>
        <w:pPr>
          <w:ind w:left="0" w:firstLine="0"/>
        </w:pPr>
        <w:rPr>
          <w:rFonts w:hint="default"/>
        </w:rPr>
      </w:lvl>
    </w:lvlOverride>
    <w:lvlOverride w:ilvl="2">
      <w:startOverride w:val="1"/>
      <w:lvl w:ilvl="2">
        <w:start w:val="1"/>
        <w:numFmt w:val="upperLetter"/>
        <w:lvlText w:val="Part %3"/>
        <w:lvlJc w:val="center"/>
        <w:pPr>
          <w:ind w:left="0" w:firstLine="567"/>
        </w:pPr>
        <w:rPr>
          <w:rFonts w:hint="default"/>
        </w:rPr>
      </w:lvl>
    </w:lvlOverride>
    <w:lvlOverride w:ilvl="3">
      <w:startOverride w:val="1"/>
      <w:lvl w:ilvl="3">
        <w:start w:val="1"/>
        <w:numFmt w:val="decimal"/>
        <w:lvlText w:val="%4."/>
        <w:lvlJc w:val="left"/>
        <w:pPr>
          <w:ind w:left="567" w:hanging="567"/>
        </w:pPr>
        <w:rPr>
          <w:rFonts w:ascii="Times New Roman" w:hAnsi="Times New Roman" w:hint="default"/>
          <w:b w:val="0"/>
          <w:i w:val="0"/>
          <w:sz w:val="23"/>
        </w:rPr>
      </w:lvl>
    </w:lvlOverride>
    <w:lvlOverride w:ilvl="4">
      <w:startOverride w:val="1"/>
      <w:lvl w:ilvl="4">
        <w:start w:val="1"/>
        <w:numFmt w:val="decimal"/>
        <w:lvlText w:val="%4.%5"/>
        <w:lvlJc w:val="left"/>
        <w:pPr>
          <w:ind w:left="567" w:hanging="567"/>
        </w:pPr>
        <w:rPr>
          <w:rFonts w:ascii="Times New Roman" w:hAnsi="Times New Roman" w:hint="default"/>
          <w:b w:val="0"/>
          <w:i w:val="0"/>
          <w:sz w:val="22"/>
        </w:rPr>
      </w:lvl>
    </w:lvlOverride>
    <w:lvlOverride w:ilvl="5">
      <w:startOverride w:val="1"/>
      <w:lvl w:ilvl="5">
        <w:start w:val="1"/>
        <w:numFmt w:val="lowerLetter"/>
        <w:lvlText w:val="(%6)"/>
        <w:lvlJc w:val="left"/>
        <w:pPr>
          <w:ind w:left="1134" w:hanging="567"/>
        </w:pPr>
        <w:rPr>
          <w:rFonts w:ascii="Times New Roman" w:hAnsi="Times New Roman" w:hint="default"/>
          <w:b w:val="0"/>
          <w:bCs w:val="0"/>
          <w:i w:val="0"/>
          <w:iCs w:val="0"/>
          <w:sz w:val="22"/>
        </w:rPr>
      </w:lvl>
    </w:lvlOverride>
    <w:lvlOverride w:ilvl="6">
      <w:startOverride w:val="1"/>
      <w:lvl w:ilvl="6">
        <w:start w:val="1"/>
        <w:numFmt w:val="lowerRoman"/>
        <w:lvlText w:val="(%7)"/>
        <w:lvlJc w:val="left"/>
        <w:pPr>
          <w:ind w:left="1701" w:hanging="567"/>
        </w:pPr>
        <w:rPr>
          <w:rFonts w:ascii="Times New Roman" w:hAnsi="Times New Roman" w:hint="default"/>
          <w:b w:val="0"/>
          <w:bCs w:val="0"/>
          <w:i w:val="0"/>
          <w:iCs w:val="0"/>
          <w:sz w:val="21"/>
        </w:rPr>
      </w:lvl>
    </w:lvlOverride>
    <w:lvlOverride w:ilvl="7">
      <w:startOverride w:val="1"/>
      <w:lvl w:ilvl="7">
        <w:start w:val="1"/>
        <w:numFmt w:val="upperLetter"/>
        <w:lvlText w:val="(%8)"/>
        <w:lvlJc w:val="left"/>
        <w:pPr>
          <w:ind w:left="2268" w:hanging="567"/>
        </w:pPr>
        <w:rPr>
          <w:rFonts w:hint="default"/>
          <w:b w:val="0"/>
          <w:i w:val="0"/>
          <w:sz w:val="21"/>
        </w:rPr>
      </w:lvl>
    </w:lvlOverride>
    <w:lvlOverride w:ilvl="8">
      <w:startOverride w:val="1"/>
      <w:lvl w:ilvl="8">
        <w:start w:val="1"/>
        <w:numFmt w:val="decimal"/>
        <w:lvlText w:val="(%9)"/>
        <w:lvlJc w:val="left"/>
        <w:pPr>
          <w:ind w:left="2835" w:hanging="567"/>
        </w:pPr>
        <w:rPr>
          <w:rFonts w:hint="default"/>
          <w:b w:val="0"/>
          <w:i w:val="0"/>
          <w:sz w:val="21"/>
        </w:rPr>
      </w:lvl>
    </w:lvlOverride>
  </w:num>
  <w:num w:numId="8" w16cid:durableId="192115585">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7"/>
    </w:lvlOverride>
    <w:lvlOverride w:ilvl="7">
      <w:startOverride w:val="1"/>
    </w:lvlOverride>
    <w:lvlOverride w:ilvl="8">
      <w:startOverride w:val="1"/>
    </w:lvlOverride>
  </w:num>
  <w:num w:numId="9" w16cid:durableId="1029910728">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16cid:durableId="196092475">
    <w:abstractNumId w:val="3"/>
  </w:num>
  <w:num w:numId="11" w16cid:durableId="2140298230">
    <w:abstractNumId w:val="7"/>
    <w:lvlOverride w:ilvl="0">
      <w:lvl w:ilvl="0">
        <w:start w:val="1"/>
        <w:numFmt w:val="decimal"/>
        <w:suff w:val="nothing"/>
        <w:lvlText w:val="Schedule %1"/>
        <w:lvlJc w:val="left"/>
        <w:pPr>
          <w:ind w:left="0" w:firstLine="0"/>
        </w:pPr>
        <w:rPr>
          <w:rFonts w:hint="default"/>
          <w:sz w:val="23"/>
        </w:rPr>
      </w:lvl>
    </w:lvlOverride>
    <w:lvlOverride w:ilvl="1">
      <w:lvl w:ilvl="1">
        <w:numFmt w:val="decimal"/>
        <w:suff w:val="nothing"/>
        <w:lvlText w:val="Schedule %2"/>
        <w:lvlJc w:val="left"/>
        <w:pPr>
          <w:ind w:left="0" w:firstLine="0"/>
        </w:pPr>
        <w:rPr>
          <w:rFonts w:hint="default"/>
          <w:sz w:val="23"/>
        </w:rPr>
      </w:lvl>
    </w:lvlOverride>
    <w:lvlOverride w:ilvl="2">
      <w:lvl w:ilvl="2">
        <w:start w:val="1"/>
        <w:numFmt w:val="upperLetter"/>
        <w:suff w:val="nothing"/>
        <w:lvlText w:val="Part %3"/>
        <w:lvlJc w:val="left"/>
        <w:pPr>
          <w:ind w:left="0" w:firstLine="0"/>
        </w:pPr>
        <w:rPr>
          <w:rFonts w:hint="default"/>
        </w:rPr>
      </w:lvl>
    </w:lvlOverride>
    <w:lvlOverride w:ilvl="3">
      <w:lvl w:ilvl="3">
        <w:start w:val="1"/>
        <w:numFmt w:val="decimal"/>
        <w:lvlText w:val="%4."/>
        <w:lvlJc w:val="left"/>
        <w:pPr>
          <w:ind w:left="567" w:hanging="567"/>
        </w:pPr>
        <w:rPr>
          <w:rFonts w:ascii="Times New Roman" w:hAnsi="Times New Roman" w:hint="default"/>
          <w:b w:val="0"/>
          <w:i w:val="0"/>
          <w:sz w:val="22"/>
        </w:rPr>
      </w:lvl>
    </w:lvlOverride>
    <w:lvlOverride w:ilvl="4">
      <w:lvl w:ilvl="4">
        <w:start w:val="1"/>
        <w:numFmt w:val="decimal"/>
        <w:lvlText w:val="%4.%5"/>
        <w:lvlJc w:val="left"/>
        <w:pPr>
          <w:ind w:left="567" w:hanging="567"/>
        </w:pPr>
        <w:rPr>
          <w:rFonts w:ascii="Times New Roman" w:hAnsi="Times New Roman" w:hint="default"/>
          <w:b w:val="0"/>
          <w:i w:val="0"/>
          <w:sz w:val="22"/>
        </w:rPr>
      </w:lvl>
    </w:lvlOverride>
    <w:lvlOverride w:ilvl="5">
      <w:lvl w:ilvl="5">
        <w:start w:val="1"/>
        <w:numFmt w:val="lowerLetter"/>
        <w:lvlText w:val="(%6)"/>
        <w:lvlJc w:val="left"/>
        <w:pPr>
          <w:ind w:left="1134" w:hanging="567"/>
        </w:pPr>
        <w:rPr>
          <w:rFonts w:ascii="Times New Roman" w:hAnsi="Times New Roman" w:hint="default"/>
          <w:b w:val="0"/>
          <w:bCs w:val="0"/>
          <w:i w:val="0"/>
          <w:iCs w:val="0"/>
          <w:sz w:val="22"/>
        </w:rPr>
      </w:lvl>
    </w:lvlOverride>
    <w:lvlOverride w:ilvl="6">
      <w:lvl w:ilvl="6">
        <w:start w:val="1"/>
        <w:numFmt w:val="lowerRoman"/>
        <w:lvlText w:val="(%7)"/>
        <w:lvlJc w:val="left"/>
        <w:pPr>
          <w:ind w:left="1701" w:hanging="567"/>
        </w:pPr>
        <w:rPr>
          <w:rFonts w:ascii="Times New Roman" w:hAnsi="Times New Roman" w:hint="default"/>
          <w:b w:val="0"/>
          <w:bCs w:val="0"/>
          <w:i w:val="0"/>
          <w:iCs w:val="0"/>
          <w:sz w:val="22"/>
        </w:rPr>
      </w:lvl>
    </w:lvlOverride>
    <w:lvlOverride w:ilvl="7">
      <w:lvl w:ilvl="7">
        <w:start w:val="1"/>
        <w:numFmt w:val="upperLetter"/>
        <w:lvlText w:val="(%8)"/>
        <w:lvlJc w:val="left"/>
        <w:pPr>
          <w:ind w:left="2268" w:hanging="567"/>
        </w:pPr>
        <w:rPr>
          <w:rFonts w:hint="default"/>
          <w:b w:val="0"/>
          <w:i w:val="0"/>
          <w:sz w:val="22"/>
        </w:rPr>
      </w:lvl>
    </w:lvlOverride>
    <w:lvlOverride w:ilvl="8">
      <w:lvl w:ilvl="8">
        <w:start w:val="1"/>
        <w:numFmt w:val="decimal"/>
        <w:lvlText w:val="(%9)"/>
        <w:lvlJc w:val="left"/>
        <w:pPr>
          <w:ind w:left="2835" w:hanging="567"/>
        </w:pPr>
        <w:rPr>
          <w:rFonts w:hint="default"/>
          <w:b w:val="0"/>
          <w:i w:val="0"/>
          <w:sz w:val="22"/>
        </w:rPr>
      </w:lvl>
    </w:lvlOverride>
  </w:num>
  <w:num w:numId="12" w16cid:durableId="1416784146">
    <w:abstractNumId w:val="2"/>
  </w:num>
  <w:num w:numId="13" w16cid:durableId="2135362551">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16cid:durableId="936213571">
    <w:abstractNumId w:val="5"/>
  </w:num>
  <w:num w:numId="15" w16cid:durableId="132262457">
    <w:abstractNumId w:val="5"/>
  </w:num>
  <w:num w:numId="16" w16cid:durableId="1098411247">
    <w:abstractNumId w:val="5"/>
  </w:num>
  <w:num w:numId="17" w16cid:durableId="490869436">
    <w:abstractNumId w:val="5"/>
  </w:num>
  <w:num w:numId="18" w16cid:durableId="1225987576">
    <w:abstractNumId w:val="5"/>
  </w:num>
  <w:num w:numId="19" w16cid:durableId="1933929581">
    <w:abstractNumId w:val="5"/>
  </w:num>
  <w:num w:numId="20" w16cid:durableId="603154124">
    <w:abstractNumId w:val="5"/>
  </w:num>
  <w:num w:numId="21" w16cid:durableId="732000598">
    <w:abstractNumId w:val="5"/>
  </w:num>
  <w:num w:numId="22" w16cid:durableId="2135168485">
    <w:abstractNumId w:val="5"/>
  </w:num>
  <w:num w:numId="23" w16cid:durableId="331877251">
    <w:abstractNumId w:val="5"/>
  </w:num>
  <w:num w:numId="24" w16cid:durableId="1697150200">
    <w:abstractNumId w:val="5"/>
  </w:num>
  <w:num w:numId="25" w16cid:durableId="532232729">
    <w:abstractNumId w:val="7"/>
  </w:num>
  <w:num w:numId="26" w16cid:durableId="864563486">
    <w:abstractNumId w:val="5"/>
  </w:num>
  <w:num w:numId="27" w16cid:durableId="492988402">
    <w:abstractNumId w:val="11"/>
  </w:num>
  <w:num w:numId="28" w16cid:durableId="1745488669">
    <w:abstractNumId w:val="7"/>
    <w:lvlOverride w:ilvl="0">
      <w:startOverride w:val="1"/>
      <w:lvl w:ilvl="0">
        <w:start w:val="1"/>
        <w:numFmt w:val="decimal"/>
        <w:suff w:val="nothing"/>
        <w:lvlText w:val="Schedule %1"/>
        <w:lvlJc w:val="left"/>
        <w:pPr>
          <w:ind w:left="0" w:firstLine="0"/>
        </w:pPr>
        <w:rPr>
          <w:rFonts w:hint="default"/>
          <w:sz w:val="23"/>
        </w:rPr>
      </w:lvl>
    </w:lvlOverride>
    <w:lvlOverride w:ilvl="1">
      <w:lvl w:ilvl="1">
        <w:numFmt w:val="decimal"/>
        <w:suff w:val="nothing"/>
        <w:lvlText w:val="Schedule %2"/>
        <w:lvlJc w:val="left"/>
        <w:pPr>
          <w:ind w:left="0" w:firstLine="0"/>
        </w:pPr>
        <w:rPr>
          <w:rFonts w:hint="default"/>
          <w:sz w:val="23"/>
        </w:rPr>
      </w:lvl>
    </w:lvlOverride>
    <w:lvlOverride w:ilvl="2">
      <w:startOverride w:val="1"/>
      <w:lvl w:ilvl="2">
        <w:start w:val="1"/>
        <w:numFmt w:val="upperLetter"/>
        <w:suff w:val="nothing"/>
        <w:lvlText w:val="Part %3"/>
        <w:lvlJc w:val="left"/>
        <w:pPr>
          <w:ind w:left="0" w:firstLine="0"/>
        </w:pPr>
        <w:rPr>
          <w:rFonts w:hint="default"/>
        </w:rPr>
      </w:lvl>
    </w:lvlOverride>
    <w:lvlOverride w:ilvl="3">
      <w:startOverride w:val="1"/>
      <w:lvl w:ilvl="3">
        <w:start w:val="1"/>
        <w:numFmt w:val="decimal"/>
        <w:lvlText w:val="%4."/>
        <w:lvlJc w:val="left"/>
        <w:pPr>
          <w:ind w:left="567" w:hanging="567"/>
        </w:pPr>
        <w:rPr>
          <w:rFonts w:ascii="Times New Roman" w:hAnsi="Times New Roman" w:hint="default"/>
          <w:b w:val="0"/>
          <w:i w:val="0"/>
          <w:sz w:val="22"/>
        </w:rPr>
      </w:lvl>
    </w:lvlOverride>
    <w:lvlOverride w:ilvl="4">
      <w:startOverride w:val="1"/>
      <w:lvl w:ilvl="4">
        <w:start w:val="1"/>
        <w:numFmt w:val="decimal"/>
        <w:lvlText w:val="%4.%5"/>
        <w:lvlJc w:val="left"/>
        <w:pPr>
          <w:ind w:left="567" w:hanging="567"/>
        </w:pPr>
        <w:rPr>
          <w:rFonts w:ascii="Times New Roman" w:hAnsi="Times New Roman" w:hint="default"/>
          <w:b w:val="0"/>
          <w:i w:val="0"/>
          <w:sz w:val="22"/>
        </w:rPr>
      </w:lvl>
    </w:lvlOverride>
    <w:lvlOverride w:ilvl="5">
      <w:startOverride w:val="1"/>
      <w:lvl w:ilvl="5">
        <w:start w:val="1"/>
        <w:numFmt w:val="lowerLetter"/>
        <w:lvlText w:val="(%6)"/>
        <w:lvlJc w:val="left"/>
        <w:pPr>
          <w:ind w:left="1134" w:hanging="567"/>
        </w:pPr>
        <w:rPr>
          <w:rFonts w:ascii="Times New Roman" w:hAnsi="Times New Roman" w:hint="default"/>
          <w:b w:val="0"/>
          <w:bCs w:val="0"/>
          <w:i w:val="0"/>
          <w:iCs w:val="0"/>
          <w:sz w:val="22"/>
        </w:rPr>
      </w:lvl>
    </w:lvlOverride>
    <w:lvlOverride w:ilvl="6">
      <w:startOverride w:val="1"/>
      <w:lvl w:ilvl="6">
        <w:start w:val="1"/>
        <w:numFmt w:val="lowerRoman"/>
        <w:lvlText w:val="(%7)"/>
        <w:lvlJc w:val="left"/>
        <w:pPr>
          <w:ind w:left="1701" w:hanging="567"/>
        </w:pPr>
        <w:rPr>
          <w:rFonts w:ascii="Times New Roman" w:hAnsi="Times New Roman" w:hint="default"/>
          <w:b w:val="0"/>
          <w:bCs w:val="0"/>
          <w:i w:val="0"/>
          <w:iCs w:val="0"/>
          <w:sz w:val="22"/>
        </w:rPr>
      </w:lvl>
    </w:lvlOverride>
    <w:lvlOverride w:ilvl="7">
      <w:startOverride w:val="1"/>
      <w:lvl w:ilvl="7">
        <w:start w:val="1"/>
        <w:numFmt w:val="upperLetter"/>
        <w:lvlText w:val="(%8)"/>
        <w:lvlJc w:val="left"/>
        <w:pPr>
          <w:ind w:left="2268" w:hanging="567"/>
        </w:pPr>
        <w:rPr>
          <w:rFonts w:hint="default"/>
          <w:b w:val="0"/>
          <w:i w:val="0"/>
          <w:sz w:val="22"/>
        </w:rPr>
      </w:lvl>
    </w:lvlOverride>
    <w:lvlOverride w:ilvl="8">
      <w:startOverride w:val="1"/>
      <w:lvl w:ilvl="8">
        <w:start w:val="1"/>
        <w:numFmt w:val="decimal"/>
        <w:lvlText w:val="(%9)"/>
        <w:lvlJc w:val="left"/>
        <w:pPr>
          <w:ind w:left="2835" w:hanging="567"/>
        </w:pPr>
        <w:rPr>
          <w:rFonts w:hint="default"/>
          <w:b w:val="0"/>
          <w:i w:val="0"/>
          <w:sz w:val="22"/>
        </w:rPr>
      </w:lvl>
    </w:lvlOverride>
  </w:num>
  <w:num w:numId="29" w16cid:durableId="278998022">
    <w:abstractNumId w:val="7"/>
    <w:lvlOverride w:ilvl="0">
      <w:startOverride w:val="1"/>
      <w:lvl w:ilvl="0">
        <w:start w:val="1"/>
        <w:numFmt w:val="decimal"/>
        <w:suff w:val="nothing"/>
        <w:lvlText w:val="Schedule %1"/>
        <w:lvlJc w:val="left"/>
        <w:pPr>
          <w:ind w:left="0" w:firstLine="0"/>
        </w:pPr>
        <w:rPr>
          <w:rFonts w:hint="default"/>
          <w:sz w:val="23"/>
        </w:rPr>
      </w:lvl>
    </w:lvlOverride>
    <w:lvlOverride w:ilvl="1">
      <w:lvl w:ilvl="1">
        <w:numFmt w:val="decimal"/>
        <w:suff w:val="nothing"/>
        <w:lvlText w:val="Schedule %2"/>
        <w:lvlJc w:val="left"/>
        <w:pPr>
          <w:ind w:left="0" w:firstLine="0"/>
        </w:pPr>
        <w:rPr>
          <w:rFonts w:hint="default"/>
          <w:sz w:val="23"/>
        </w:rPr>
      </w:lvl>
    </w:lvlOverride>
    <w:lvlOverride w:ilvl="2">
      <w:startOverride w:val="1"/>
      <w:lvl w:ilvl="2">
        <w:start w:val="1"/>
        <w:numFmt w:val="upperLetter"/>
        <w:suff w:val="nothing"/>
        <w:lvlText w:val="Part %3"/>
        <w:lvlJc w:val="left"/>
        <w:pPr>
          <w:ind w:left="0" w:firstLine="0"/>
        </w:pPr>
        <w:rPr>
          <w:rFonts w:hint="default"/>
        </w:rPr>
      </w:lvl>
    </w:lvlOverride>
    <w:lvlOverride w:ilvl="3">
      <w:startOverride w:val="1"/>
      <w:lvl w:ilvl="3">
        <w:start w:val="1"/>
        <w:numFmt w:val="decimal"/>
        <w:lvlText w:val="%4."/>
        <w:lvlJc w:val="left"/>
        <w:pPr>
          <w:ind w:left="567" w:hanging="567"/>
        </w:pPr>
        <w:rPr>
          <w:rFonts w:ascii="Times New Roman" w:hAnsi="Times New Roman" w:hint="default"/>
          <w:b w:val="0"/>
          <w:i w:val="0"/>
          <w:sz w:val="22"/>
        </w:rPr>
      </w:lvl>
    </w:lvlOverride>
    <w:lvlOverride w:ilvl="4">
      <w:startOverride w:val="1"/>
      <w:lvl w:ilvl="4">
        <w:start w:val="1"/>
        <w:numFmt w:val="decimal"/>
        <w:lvlText w:val="%4.%5"/>
        <w:lvlJc w:val="left"/>
        <w:pPr>
          <w:ind w:left="567" w:hanging="567"/>
        </w:pPr>
        <w:rPr>
          <w:rFonts w:ascii="Times New Roman" w:hAnsi="Times New Roman" w:hint="default"/>
          <w:b w:val="0"/>
          <w:i w:val="0"/>
          <w:sz w:val="22"/>
        </w:rPr>
      </w:lvl>
    </w:lvlOverride>
    <w:lvlOverride w:ilvl="5">
      <w:startOverride w:val="1"/>
      <w:lvl w:ilvl="5">
        <w:start w:val="1"/>
        <w:numFmt w:val="lowerLetter"/>
        <w:lvlText w:val="(%6)"/>
        <w:lvlJc w:val="left"/>
        <w:pPr>
          <w:ind w:left="1134" w:hanging="567"/>
        </w:pPr>
        <w:rPr>
          <w:rFonts w:ascii="Times New Roman" w:hAnsi="Times New Roman" w:hint="default"/>
          <w:b w:val="0"/>
          <w:bCs w:val="0"/>
          <w:i w:val="0"/>
          <w:iCs w:val="0"/>
          <w:sz w:val="22"/>
        </w:rPr>
      </w:lvl>
    </w:lvlOverride>
    <w:lvlOverride w:ilvl="6">
      <w:startOverride w:val="1"/>
      <w:lvl w:ilvl="6">
        <w:start w:val="1"/>
        <w:numFmt w:val="lowerRoman"/>
        <w:lvlText w:val="(%7)"/>
        <w:lvlJc w:val="left"/>
        <w:pPr>
          <w:ind w:left="1701" w:hanging="567"/>
        </w:pPr>
        <w:rPr>
          <w:rFonts w:ascii="Times New Roman" w:hAnsi="Times New Roman" w:hint="default"/>
          <w:b w:val="0"/>
          <w:bCs w:val="0"/>
          <w:i w:val="0"/>
          <w:iCs w:val="0"/>
          <w:sz w:val="22"/>
        </w:rPr>
      </w:lvl>
    </w:lvlOverride>
    <w:lvlOverride w:ilvl="7">
      <w:startOverride w:val="1"/>
      <w:lvl w:ilvl="7">
        <w:start w:val="1"/>
        <w:numFmt w:val="upperLetter"/>
        <w:lvlText w:val="(%8)"/>
        <w:lvlJc w:val="left"/>
        <w:pPr>
          <w:ind w:left="2268" w:hanging="567"/>
        </w:pPr>
        <w:rPr>
          <w:rFonts w:hint="default"/>
          <w:b w:val="0"/>
          <w:i w:val="0"/>
          <w:sz w:val="22"/>
        </w:rPr>
      </w:lvl>
    </w:lvlOverride>
    <w:lvlOverride w:ilvl="8">
      <w:startOverride w:val="1"/>
      <w:lvl w:ilvl="8">
        <w:start w:val="1"/>
        <w:numFmt w:val="decimal"/>
        <w:lvlText w:val="(%9)"/>
        <w:lvlJc w:val="left"/>
        <w:pPr>
          <w:ind w:left="2835" w:hanging="567"/>
        </w:pPr>
        <w:rPr>
          <w:rFonts w:hint="default"/>
          <w:b w:val="0"/>
          <w:i w:val="0"/>
          <w:sz w:val="22"/>
        </w:rPr>
      </w:lvl>
    </w:lvlOverride>
  </w:num>
  <w:numIdMacAtCleanup w:val="5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60"/>
  <w:proofState w:spelling="clean" w:grammar="clean"/>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defaultTabStop w:val="567"/>
  <w:hyphenationZone w:val="425"/>
  <w:characterSpacingControl w:val="doNotCompress"/>
  <w:hdrShapeDefaults>
    <o:shapedefaults v:ext="edit" spidmax="14337"/>
  </w:hdrShapeDefaults>
  <w:footnotePr>
    <w:numRestart w:val="eachSect"/>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719AF"/>
    <w:rsid w:val="00001339"/>
    <w:rsid w:val="00001975"/>
    <w:rsid w:val="00001BE9"/>
    <w:rsid w:val="00002A39"/>
    <w:rsid w:val="00002C8B"/>
    <w:rsid w:val="000038F7"/>
    <w:rsid w:val="000046DE"/>
    <w:rsid w:val="00004ED1"/>
    <w:rsid w:val="00004F28"/>
    <w:rsid w:val="00005036"/>
    <w:rsid w:val="00005092"/>
    <w:rsid w:val="00005EB4"/>
    <w:rsid w:val="00006267"/>
    <w:rsid w:val="000077E8"/>
    <w:rsid w:val="00010A62"/>
    <w:rsid w:val="00010F98"/>
    <w:rsid w:val="0001101F"/>
    <w:rsid w:val="00012553"/>
    <w:rsid w:val="00012FBB"/>
    <w:rsid w:val="00013FF2"/>
    <w:rsid w:val="000141A1"/>
    <w:rsid w:val="000142A6"/>
    <w:rsid w:val="00015153"/>
    <w:rsid w:val="000151B8"/>
    <w:rsid w:val="00015426"/>
    <w:rsid w:val="00016669"/>
    <w:rsid w:val="00017C76"/>
    <w:rsid w:val="00017DC5"/>
    <w:rsid w:val="00021C98"/>
    <w:rsid w:val="00021EF5"/>
    <w:rsid w:val="00021F76"/>
    <w:rsid w:val="00022499"/>
    <w:rsid w:val="00022F93"/>
    <w:rsid w:val="000230EC"/>
    <w:rsid w:val="00025A6C"/>
    <w:rsid w:val="00025E90"/>
    <w:rsid w:val="000262BB"/>
    <w:rsid w:val="00027EEC"/>
    <w:rsid w:val="00033085"/>
    <w:rsid w:val="0003323B"/>
    <w:rsid w:val="00034444"/>
    <w:rsid w:val="00034766"/>
    <w:rsid w:val="000352DD"/>
    <w:rsid w:val="000368B7"/>
    <w:rsid w:val="000368EF"/>
    <w:rsid w:val="00036981"/>
    <w:rsid w:val="00036F1B"/>
    <w:rsid w:val="000373CF"/>
    <w:rsid w:val="00037DF4"/>
    <w:rsid w:val="00040478"/>
    <w:rsid w:val="00040DB0"/>
    <w:rsid w:val="00041332"/>
    <w:rsid w:val="000446F1"/>
    <w:rsid w:val="00051896"/>
    <w:rsid w:val="00052509"/>
    <w:rsid w:val="00052F81"/>
    <w:rsid w:val="000544D0"/>
    <w:rsid w:val="000546C9"/>
    <w:rsid w:val="000549D5"/>
    <w:rsid w:val="00055997"/>
    <w:rsid w:val="00057035"/>
    <w:rsid w:val="00057967"/>
    <w:rsid w:val="00057FC9"/>
    <w:rsid w:val="0006063F"/>
    <w:rsid w:val="000618F6"/>
    <w:rsid w:val="000619E4"/>
    <w:rsid w:val="00062820"/>
    <w:rsid w:val="00062A71"/>
    <w:rsid w:val="00062EB8"/>
    <w:rsid w:val="000634BE"/>
    <w:rsid w:val="0006459C"/>
    <w:rsid w:val="00064977"/>
    <w:rsid w:val="00065775"/>
    <w:rsid w:val="00065BD3"/>
    <w:rsid w:val="0006615F"/>
    <w:rsid w:val="000666F8"/>
    <w:rsid w:val="00067EA2"/>
    <w:rsid w:val="000703E1"/>
    <w:rsid w:val="0007105F"/>
    <w:rsid w:val="000730AD"/>
    <w:rsid w:val="00073AA8"/>
    <w:rsid w:val="00073E78"/>
    <w:rsid w:val="000742B1"/>
    <w:rsid w:val="00075416"/>
    <w:rsid w:val="00075EA0"/>
    <w:rsid w:val="000760D9"/>
    <w:rsid w:val="00076A93"/>
    <w:rsid w:val="00076C57"/>
    <w:rsid w:val="000770A1"/>
    <w:rsid w:val="000771B5"/>
    <w:rsid w:val="00077625"/>
    <w:rsid w:val="00077FCA"/>
    <w:rsid w:val="0008021C"/>
    <w:rsid w:val="0008049E"/>
    <w:rsid w:val="00080D1B"/>
    <w:rsid w:val="00081D83"/>
    <w:rsid w:val="00082FEF"/>
    <w:rsid w:val="00083B44"/>
    <w:rsid w:val="0008452A"/>
    <w:rsid w:val="00084BE4"/>
    <w:rsid w:val="00084F00"/>
    <w:rsid w:val="0008607A"/>
    <w:rsid w:val="000864A5"/>
    <w:rsid w:val="0008713A"/>
    <w:rsid w:val="0008724D"/>
    <w:rsid w:val="00090FDE"/>
    <w:rsid w:val="00092166"/>
    <w:rsid w:val="00092318"/>
    <w:rsid w:val="00093B1E"/>
    <w:rsid w:val="00093F21"/>
    <w:rsid w:val="0009530C"/>
    <w:rsid w:val="00095DFD"/>
    <w:rsid w:val="0009634C"/>
    <w:rsid w:val="000977E5"/>
    <w:rsid w:val="00097AB1"/>
    <w:rsid w:val="00097ECB"/>
    <w:rsid w:val="000A08AB"/>
    <w:rsid w:val="000A2287"/>
    <w:rsid w:val="000A261D"/>
    <w:rsid w:val="000A2809"/>
    <w:rsid w:val="000A2DE7"/>
    <w:rsid w:val="000A497A"/>
    <w:rsid w:val="000A4ADF"/>
    <w:rsid w:val="000A51F8"/>
    <w:rsid w:val="000A5BE9"/>
    <w:rsid w:val="000A6283"/>
    <w:rsid w:val="000A62F7"/>
    <w:rsid w:val="000A6AC6"/>
    <w:rsid w:val="000B06CE"/>
    <w:rsid w:val="000B0B84"/>
    <w:rsid w:val="000B1540"/>
    <w:rsid w:val="000B167A"/>
    <w:rsid w:val="000B1E37"/>
    <w:rsid w:val="000B25C4"/>
    <w:rsid w:val="000B29F6"/>
    <w:rsid w:val="000B29FE"/>
    <w:rsid w:val="000B35F0"/>
    <w:rsid w:val="000B51CF"/>
    <w:rsid w:val="000B5CA2"/>
    <w:rsid w:val="000B5E58"/>
    <w:rsid w:val="000C1C1A"/>
    <w:rsid w:val="000C1CFC"/>
    <w:rsid w:val="000C1D20"/>
    <w:rsid w:val="000C26C0"/>
    <w:rsid w:val="000C44EF"/>
    <w:rsid w:val="000C4785"/>
    <w:rsid w:val="000D0113"/>
    <w:rsid w:val="000D1090"/>
    <w:rsid w:val="000D16E6"/>
    <w:rsid w:val="000D1D10"/>
    <w:rsid w:val="000D2957"/>
    <w:rsid w:val="000D338E"/>
    <w:rsid w:val="000D381C"/>
    <w:rsid w:val="000D3E91"/>
    <w:rsid w:val="000D412E"/>
    <w:rsid w:val="000D4B30"/>
    <w:rsid w:val="000D5457"/>
    <w:rsid w:val="000D5582"/>
    <w:rsid w:val="000D5F93"/>
    <w:rsid w:val="000D65EE"/>
    <w:rsid w:val="000D67B2"/>
    <w:rsid w:val="000D6C61"/>
    <w:rsid w:val="000D754B"/>
    <w:rsid w:val="000D76E6"/>
    <w:rsid w:val="000E2A2F"/>
    <w:rsid w:val="000E337D"/>
    <w:rsid w:val="000E36E3"/>
    <w:rsid w:val="000E3F17"/>
    <w:rsid w:val="000E47F0"/>
    <w:rsid w:val="000E5525"/>
    <w:rsid w:val="000E5601"/>
    <w:rsid w:val="000E5648"/>
    <w:rsid w:val="000E5B28"/>
    <w:rsid w:val="000E6EC9"/>
    <w:rsid w:val="000E703A"/>
    <w:rsid w:val="000E7CA5"/>
    <w:rsid w:val="000F1625"/>
    <w:rsid w:val="000F1A4F"/>
    <w:rsid w:val="000F3372"/>
    <w:rsid w:val="000F4E51"/>
    <w:rsid w:val="000F5521"/>
    <w:rsid w:val="000F5C61"/>
    <w:rsid w:val="000F5CCA"/>
    <w:rsid w:val="000F72F4"/>
    <w:rsid w:val="000F7C8C"/>
    <w:rsid w:val="00102AE1"/>
    <w:rsid w:val="00102ED1"/>
    <w:rsid w:val="00102F2D"/>
    <w:rsid w:val="00103039"/>
    <w:rsid w:val="001038C1"/>
    <w:rsid w:val="00104D7A"/>
    <w:rsid w:val="00106C92"/>
    <w:rsid w:val="00107223"/>
    <w:rsid w:val="001100AF"/>
    <w:rsid w:val="00110163"/>
    <w:rsid w:val="00110700"/>
    <w:rsid w:val="00110BB2"/>
    <w:rsid w:val="00110C42"/>
    <w:rsid w:val="00110FE4"/>
    <w:rsid w:val="00111108"/>
    <w:rsid w:val="0011145B"/>
    <w:rsid w:val="00113493"/>
    <w:rsid w:val="00113D6D"/>
    <w:rsid w:val="0011471E"/>
    <w:rsid w:val="00115439"/>
    <w:rsid w:val="00116A0C"/>
    <w:rsid w:val="00117458"/>
    <w:rsid w:val="00117E4E"/>
    <w:rsid w:val="00117F82"/>
    <w:rsid w:val="00121A6D"/>
    <w:rsid w:val="00122956"/>
    <w:rsid w:val="00122E8A"/>
    <w:rsid w:val="00122EB6"/>
    <w:rsid w:val="001232C6"/>
    <w:rsid w:val="001235D1"/>
    <w:rsid w:val="00124BAA"/>
    <w:rsid w:val="001255C6"/>
    <w:rsid w:val="001263E7"/>
    <w:rsid w:val="00127649"/>
    <w:rsid w:val="00130802"/>
    <w:rsid w:val="00131995"/>
    <w:rsid w:val="00133498"/>
    <w:rsid w:val="00133517"/>
    <w:rsid w:val="001335EC"/>
    <w:rsid w:val="00133704"/>
    <w:rsid w:val="00133C03"/>
    <w:rsid w:val="0013497D"/>
    <w:rsid w:val="00134E92"/>
    <w:rsid w:val="001354DE"/>
    <w:rsid w:val="001355E7"/>
    <w:rsid w:val="0013566D"/>
    <w:rsid w:val="0013578B"/>
    <w:rsid w:val="001378F7"/>
    <w:rsid w:val="00137EE9"/>
    <w:rsid w:val="00141F58"/>
    <w:rsid w:val="0014222F"/>
    <w:rsid w:val="00142366"/>
    <w:rsid w:val="001503CB"/>
    <w:rsid w:val="0015095F"/>
    <w:rsid w:val="00150A4D"/>
    <w:rsid w:val="00150B01"/>
    <w:rsid w:val="001518C5"/>
    <w:rsid w:val="00153247"/>
    <w:rsid w:val="001543D1"/>
    <w:rsid w:val="0015467E"/>
    <w:rsid w:val="00154711"/>
    <w:rsid w:val="001548CF"/>
    <w:rsid w:val="00155722"/>
    <w:rsid w:val="001559F1"/>
    <w:rsid w:val="00155A8F"/>
    <w:rsid w:val="00155BE2"/>
    <w:rsid w:val="001560CF"/>
    <w:rsid w:val="00156288"/>
    <w:rsid w:val="001565E2"/>
    <w:rsid w:val="001566A2"/>
    <w:rsid w:val="00156A26"/>
    <w:rsid w:val="0016084A"/>
    <w:rsid w:val="00160BB9"/>
    <w:rsid w:val="001613C0"/>
    <w:rsid w:val="00161687"/>
    <w:rsid w:val="00161F73"/>
    <w:rsid w:val="001621A7"/>
    <w:rsid w:val="001624D5"/>
    <w:rsid w:val="0016277A"/>
    <w:rsid w:val="00163B93"/>
    <w:rsid w:val="00163C9B"/>
    <w:rsid w:val="0016433C"/>
    <w:rsid w:val="00164E30"/>
    <w:rsid w:val="00165FEC"/>
    <w:rsid w:val="0016615A"/>
    <w:rsid w:val="001667EE"/>
    <w:rsid w:val="00166BE1"/>
    <w:rsid w:val="00167C2D"/>
    <w:rsid w:val="001716B4"/>
    <w:rsid w:val="001717A0"/>
    <w:rsid w:val="00172207"/>
    <w:rsid w:val="00172B21"/>
    <w:rsid w:val="00174C5D"/>
    <w:rsid w:val="0017729E"/>
    <w:rsid w:val="00177303"/>
    <w:rsid w:val="00183AFE"/>
    <w:rsid w:val="0018412F"/>
    <w:rsid w:val="00185E0D"/>
    <w:rsid w:val="00187CE5"/>
    <w:rsid w:val="001929CD"/>
    <w:rsid w:val="00192CEA"/>
    <w:rsid w:val="00193DDF"/>
    <w:rsid w:val="00194FC6"/>
    <w:rsid w:val="00195E4A"/>
    <w:rsid w:val="0019622B"/>
    <w:rsid w:val="0019739B"/>
    <w:rsid w:val="001A0088"/>
    <w:rsid w:val="001A0190"/>
    <w:rsid w:val="001A1F62"/>
    <w:rsid w:val="001A55B6"/>
    <w:rsid w:val="001A56D4"/>
    <w:rsid w:val="001A7AAA"/>
    <w:rsid w:val="001A7C2C"/>
    <w:rsid w:val="001B1559"/>
    <w:rsid w:val="001B1CF7"/>
    <w:rsid w:val="001B2B93"/>
    <w:rsid w:val="001B35B4"/>
    <w:rsid w:val="001B4387"/>
    <w:rsid w:val="001B4ADB"/>
    <w:rsid w:val="001B4BF0"/>
    <w:rsid w:val="001B4C7E"/>
    <w:rsid w:val="001B519A"/>
    <w:rsid w:val="001B536F"/>
    <w:rsid w:val="001B5C3C"/>
    <w:rsid w:val="001B5C56"/>
    <w:rsid w:val="001B63D1"/>
    <w:rsid w:val="001B65EB"/>
    <w:rsid w:val="001B6BF6"/>
    <w:rsid w:val="001B6FEC"/>
    <w:rsid w:val="001B785C"/>
    <w:rsid w:val="001B7968"/>
    <w:rsid w:val="001C2B6B"/>
    <w:rsid w:val="001C34C0"/>
    <w:rsid w:val="001C4E67"/>
    <w:rsid w:val="001C5163"/>
    <w:rsid w:val="001C53C8"/>
    <w:rsid w:val="001C6AF6"/>
    <w:rsid w:val="001C6D1B"/>
    <w:rsid w:val="001C6FC0"/>
    <w:rsid w:val="001C708C"/>
    <w:rsid w:val="001C7E25"/>
    <w:rsid w:val="001D1295"/>
    <w:rsid w:val="001D2B37"/>
    <w:rsid w:val="001D3210"/>
    <w:rsid w:val="001D536B"/>
    <w:rsid w:val="001D5867"/>
    <w:rsid w:val="001D6CAA"/>
    <w:rsid w:val="001E06E6"/>
    <w:rsid w:val="001E0E5A"/>
    <w:rsid w:val="001E14B7"/>
    <w:rsid w:val="001E2879"/>
    <w:rsid w:val="001E3C03"/>
    <w:rsid w:val="001E3FC4"/>
    <w:rsid w:val="001E533C"/>
    <w:rsid w:val="001E5B44"/>
    <w:rsid w:val="001E668F"/>
    <w:rsid w:val="001E6C87"/>
    <w:rsid w:val="001E7D9E"/>
    <w:rsid w:val="001E7E9D"/>
    <w:rsid w:val="001F0699"/>
    <w:rsid w:val="001F0920"/>
    <w:rsid w:val="001F1265"/>
    <w:rsid w:val="001F1A96"/>
    <w:rsid w:val="001F252B"/>
    <w:rsid w:val="001F2C20"/>
    <w:rsid w:val="001F396B"/>
    <w:rsid w:val="001F51BE"/>
    <w:rsid w:val="001F5848"/>
    <w:rsid w:val="001F5929"/>
    <w:rsid w:val="001F5B62"/>
    <w:rsid w:val="001F71BE"/>
    <w:rsid w:val="001F71D6"/>
    <w:rsid w:val="001F76E9"/>
    <w:rsid w:val="001F7F21"/>
    <w:rsid w:val="00201A82"/>
    <w:rsid w:val="00202C2A"/>
    <w:rsid w:val="00203261"/>
    <w:rsid w:val="002039F6"/>
    <w:rsid w:val="00203B39"/>
    <w:rsid w:val="00204B2D"/>
    <w:rsid w:val="00204BCC"/>
    <w:rsid w:val="00204C63"/>
    <w:rsid w:val="0020559D"/>
    <w:rsid w:val="00205B1C"/>
    <w:rsid w:val="00205DBF"/>
    <w:rsid w:val="00207014"/>
    <w:rsid w:val="00207DF9"/>
    <w:rsid w:val="002103C0"/>
    <w:rsid w:val="00211A10"/>
    <w:rsid w:val="00212186"/>
    <w:rsid w:val="00212C2C"/>
    <w:rsid w:val="002135EB"/>
    <w:rsid w:val="0021566F"/>
    <w:rsid w:val="00215676"/>
    <w:rsid w:val="00215890"/>
    <w:rsid w:val="002164C7"/>
    <w:rsid w:val="00217EE5"/>
    <w:rsid w:val="00221411"/>
    <w:rsid w:val="00224AF0"/>
    <w:rsid w:val="00226236"/>
    <w:rsid w:val="00230906"/>
    <w:rsid w:val="00231082"/>
    <w:rsid w:val="00231285"/>
    <w:rsid w:val="00231346"/>
    <w:rsid w:val="0023178C"/>
    <w:rsid w:val="00231D5A"/>
    <w:rsid w:val="002327BD"/>
    <w:rsid w:val="00232DD5"/>
    <w:rsid w:val="00232F5E"/>
    <w:rsid w:val="0023340A"/>
    <w:rsid w:val="00235E5E"/>
    <w:rsid w:val="00236852"/>
    <w:rsid w:val="00236B18"/>
    <w:rsid w:val="00236C79"/>
    <w:rsid w:val="00237257"/>
    <w:rsid w:val="00237ED3"/>
    <w:rsid w:val="002411EA"/>
    <w:rsid w:val="002412BE"/>
    <w:rsid w:val="00241D99"/>
    <w:rsid w:val="00242B96"/>
    <w:rsid w:val="00242BFB"/>
    <w:rsid w:val="00244DCC"/>
    <w:rsid w:val="00246272"/>
    <w:rsid w:val="00246FE1"/>
    <w:rsid w:val="00247092"/>
    <w:rsid w:val="00247C3F"/>
    <w:rsid w:val="002504FB"/>
    <w:rsid w:val="00250B9B"/>
    <w:rsid w:val="00251231"/>
    <w:rsid w:val="00252417"/>
    <w:rsid w:val="00252EC3"/>
    <w:rsid w:val="002537F4"/>
    <w:rsid w:val="00260499"/>
    <w:rsid w:val="00260C8E"/>
    <w:rsid w:val="00260FC5"/>
    <w:rsid w:val="00260FE8"/>
    <w:rsid w:val="00263B78"/>
    <w:rsid w:val="00264752"/>
    <w:rsid w:val="00265CA8"/>
    <w:rsid w:val="00266DC6"/>
    <w:rsid w:val="0026702A"/>
    <w:rsid w:val="002671DC"/>
    <w:rsid w:val="00267A44"/>
    <w:rsid w:val="00270395"/>
    <w:rsid w:val="002707D6"/>
    <w:rsid w:val="00270A0B"/>
    <w:rsid w:val="002714F7"/>
    <w:rsid w:val="00272097"/>
    <w:rsid w:val="002730E6"/>
    <w:rsid w:val="00274039"/>
    <w:rsid w:val="00275A77"/>
    <w:rsid w:val="0027686D"/>
    <w:rsid w:val="0027717E"/>
    <w:rsid w:val="002777FF"/>
    <w:rsid w:val="0028065B"/>
    <w:rsid w:val="00280A0E"/>
    <w:rsid w:val="00281622"/>
    <w:rsid w:val="00281B1C"/>
    <w:rsid w:val="00282542"/>
    <w:rsid w:val="00283EFA"/>
    <w:rsid w:val="0028552A"/>
    <w:rsid w:val="002859E1"/>
    <w:rsid w:val="00285DAE"/>
    <w:rsid w:val="0029018A"/>
    <w:rsid w:val="00290C27"/>
    <w:rsid w:val="00291349"/>
    <w:rsid w:val="002925E6"/>
    <w:rsid w:val="002928C0"/>
    <w:rsid w:val="00294C1E"/>
    <w:rsid w:val="00295276"/>
    <w:rsid w:val="00295448"/>
    <w:rsid w:val="002960E7"/>
    <w:rsid w:val="00296EFB"/>
    <w:rsid w:val="00297121"/>
    <w:rsid w:val="002973B2"/>
    <w:rsid w:val="002A0056"/>
    <w:rsid w:val="002A008C"/>
    <w:rsid w:val="002A1A57"/>
    <w:rsid w:val="002A1CB2"/>
    <w:rsid w:val="002A26EA"/>
    <w:rsid w:val="002A2830"/>
    <w:rsid w:val="002A2862"/>
    <w:rsid w:val="002A2913"/>
    <w:rsid w:val="002A3F0E"/>
    <w:rsid w:val="002A410C"/>
    <w:rsid w:val="002A4545"/>
    <w:rsid w:val="002A50FA"/>
    <w:rsid w:val="002A5D59"/>
    <w:rsid w:val="002A6235"/>
    <w:rsid w:val="002A68D8"/>
    <w:rsid w:val="002A6D06"/>
    <w:rsid w:val="002A71A5"/>
    <w:rsid w:val="002B12D2"/>
    <w:rsid w:val="002B15E1"/>
    <w:rsid w:val="002B1BC1"/>
    <w:rsid w:val="002B1DEE"/>
    <w:rsid w:val="002B1E04"/>
    <w:rsid w:val="002B2402"/>
    <w:rsid w:val="002B2D00"/>
    <w:rsid w:val="002B31D6"/>
    <w:rsid w:val="002B3450"/>
    <w:rsid w:val="002B402B"/>
    <w:rsid w:val="002B4DEA"/>
    <w:rsid w:val="002B600A"/>
    <w:rsid w:val="002B6B06"/>
    <w:rsid w:val="002B711C"/>
    <w:rsid w:val="002B7361"/>
    <w:rsid w:val="002B7B5F"/>
    <w:rsid w:val="002B7C00"/>
    <w:rsid w:val="002C0038"/>
    <w:rsid w:val="002C017B"/>
    <w:rsid w:val="002C1D8A"/>
    <w:rsid w:val="002C20DB"/>
    <w:rsid w:val="002C2B41"/>
    <w:rsid w:val="002C2C92"/>
    <w:rsid w:val="002C35E0"/>
    <w:rsid w:val="002C417C"/>
    <w:rsid w:val="002C4CBD"/>
    <w:rsid w:val="002C5371"/>
    <w:rsid w:val="002C62C7"/>
    <w:rsid w:val="002D0512"/>
    <w:rsid w:val="002D0EE2"/>
    <w:rsid w:val="002D1228"/>
    <w:rsid w:val="002D16D7"/>
    <w:rsid w:val="002D2E19"/>
    <w:rsid w:val="002D4252"/>
    <w:rsid w:val="002D4C69"/>
    <w:rsid w:val="002D5D20"/>
    <w:rsid w:val="002E0A02"/>
    <w:rsid w:val="002E0D7C"/>
    <w:rsid w:val="002E130C"/>
    <w:rsid w:val="002E1D61"/>
    <w:rsid w:val="002E2025"/>
    <w:rsid w:val="002E2869"/>
    <w:rsid w:val="002E3619"/>
    <w:rsid w:val="002E41AD"/>
    <w:rsid w:val="002E576E"/>
    <w:rsid w:val="002E583B"/>
    <w:rsid w:val="002E68A0"/>
    <w:rsid w:val="002E6B2F"/>
    <w:rsid w:val="002F0D37"/>
    <w:rsid w:val="002F1E69"/>
    <w:rsid w:val="002F1ED0"/>
    <w:rsid w:val="002F24F0"/>
    <w:rsid w:val="002F27B3"/>
    <w:rsid w:val="002F2DD6"/>
    <w:rsid w:val="002F2DF4"/>
    <w:rsid w:val="002F2E18"/>
    <w:rsid w:val="002F2E49"/>
    <w:rsid w:val="002F330F"/>
    <w:rsid w:val="002F38A9"/>
    <w:rsid w:val="002F3966"/>
    <w:rsid w:val="002F4154"/>
    <w:rsid w:val="002F4AB8"/>
    <w:rsid w:val="002F6283"/>
    <w:rsid w:val="002F6310"/>
    <w:rsid w:val="002F6D66"/>
    <w:rsid w:val="002F76E8"/>
    <w:rsid w:val="0030074E"/>
    <w:rsid w:val="0030147C"/>
    <w:rsid w:val="0030200A"/>
    <w:rsid w:val="003034F3"/>
    <w:rsid w:val="00303C50"/>
    <w:rsid w:val="003046BA"/>
    <w:rsid w:val="00306423"/>
    <w:rsid w:val="00306AEA"/>
    <w:rsid w:val="00306B94"/>
    <w:rsid w:val="00306D31"/>
    <w:rsid w:val="00310120"/>
    <w:rsid w:val="003112FF"/>
    <w:rsid w:val="003115F4"/>
    <w:rsid w:val="0031209E"/>
    <w:rsid w:val="0031310D"/>
    <w:rsid w:val="00313491"/>
    <w:rsid w:val="00313B3C"/>
    <w:rsid w:val="00314390"/>
    <w:rsid w:val="00314A27"/>
    <w:rsid w:val="00314C26"/>
    <w:rsid w:val="00314F55"/>
    <w:rsid w:val="00314FE0"/>
    <w:rsid w:val="00315734"/>
    <w:rsid w:val="003164B8"/>
    <w:rsid w:val="003165B3"/>
    <w:rsid w:val="00317739"/>
    <w:rsid w:val="0032230D"/>
    <w:rsid w:val="00324164"/>
    <w:rsid w:val="00325D34"/>
    <w:rsid w:val="0032648B"/>
    <w:rsid w:val="00326BC8"/>
    <w:rsid w:val="00327589"/>
    <w:rsid w:val="003277E8"/>
    <w:rsid w:val="0033074D"/>
    <w:rsid w:val="00331CBF"/>
    <w:rsid w:val="00333009"/>
    <w:rsid w:val="00333092"/>
    <w:rsid w:val="00333198"/>
    <w:rsid w:val="003341FF"/>
    <w:rsid w:val="003345E6"/>
    <w:rsid w:val="00334C16"/>
    <w:rsid w:val="00334F13"/>
    <w:rsid w:val="003356A9"/>
    <w:rsid w:val="003360CA"/>
    <w:rsid w:val="00340551"/>
    <w:rsid w:val="00342027"/>
    <w:rsid w:val="0034223C"/>
    <w:rsid w:val="003429E4"/>
    <w:rsid w:val="00354C6D"/>
    <w:rsid w:val="003560AB"/>
    <w:rsid w:val="003560DA"/>
    <w:rsid w:val="00356D77"/>
    <w:rsid w:val="00360064"/>
    <w:rsid w:val="00360798"/>
    <w:rsid w:val="0036134D"/>
    <w:rsid w:val="003615AD"/>
    <w:rsid w:val="00361697"/>
    <w:rsid w:val="003635C7"/>
    <w:rsid w:val="00363967"/>
    <w:rsid w:val="00364D10"/>
    <w:rsid w:val="00364DC0"/>
    <w:rsid w:val="00364EFD"/>
    <w:rsid w:val="003653A3"/>
    <w:rsid w:val="00366168"/>
    <w:rsid w:val="00366AA5"/>
    <w:rsid w:val="00366D42"/>
    <w:rsid w:val="003670E2"/>
    <w:rsid w:val="003672DD"/>
    <w:rsid w:val="00367B50"/>
    <w:rsid w:val="00367D2E"/>
    <w:rsid w:val="00370133"/>
    <w:rsid w:val="00370792"/>
    <w:rsid w:val="00370983"/>
    <w:rsid w:val="00371206"/>
    <w:rsid w:val="003713B1"/>
    <w:rsid w:val="00371766"/>
    <w:rsid w:val="00372528"/>
    <w:rsid w:val="0037262A"/>
    <w:rsid w:val="00372F28"/>
    <w:rsid w:val="00373949"/>
    <w:rsid w:val="00374EC5"/>
    <w:rsid w:val="00375B97"/>
    <w:rsid w:val="003762B8"/>
    <w:rsid w:val="00376A6E"/>
    <w:rsid w:val="00377ECD"/>
    <w:rsid w:val="00380B5E"/>
    <w:rsid w:val="003823EC"/>
    <w:rsid w:val="00382DA9"/>
    <w:rsid w:val="00383808"/>
    <w:rsid w:val="00383CF9"/>
    <w:rsid w:val="0038452E"/>
    <w:rsid w:val="00386379"/>
    <w:rsid w:val="00391399"/>
    <w:rsid w:val="00392294"/>
    <w:rsid w:val="00392329"/>
    <w:rsid w:val="00393ED0"/>
    <w:rsid w:val="00393FBA"/>
    <w:rsid w:val="00394026"/>
    <w:rsid w:val="00394AB6"/>
    <w:rsid w:val="00394BC5"/>
    <w:rsid w:val="003954D2"/>
    <w:rsid w:val="003963F2"/>
    <w:rsid w:val="003963FC"/>
    <w:rsid w:val="00396696"/>
    <w:rsid w:val="00396A66"/>
    <w:rsid w:val="0039707A"/>
    <w:rsid w:val="00397799"/>
    <w:rsid w:val="003A0581"/>
    <w:rsid w:val="003A09ED"/>
    <w:rsid w:val="003A0AF4"/>
    <w:rsid w:val="003A3060"/>
    <w:rsid w:val="003A4C08"/>
    <w:rsid w:val="003A58FE"/>
    <w:rsid w:val="003A612C"/>
    <w:rsid w:val="003B0426"/>
    <w:rsid w:val="003B1631"/>
    <w:rsid w:val="003B1865"/>
    <w:rsid w:val="003B3674"/>
    <w:rsid w:val="003B387A"/>
    <w:rsid w:val="003B3890"/>
    <w:rsid w:val="003B3D18"/>
    <w:rsid w:val="003B3D2E"/>
    <w:rsid w:val="003B4BE9"/>
    <w:rsid w:val="003B4C29"/>
    <w:rsid w:val="003B5B72"/>
    <w:rsid w:val="003B6E19"/>
    <w:rsid w:val="003B7882"/>
    <w:rsid w:val="003B7AAD"/>
    <w:rsid w:val="003C010D"/>
    <w:rsid w:val="003C079F"/>
    <w:rsid w:val="003C08B7"/>
    <w:rsid w:val="003C12C0"/>
    <w:rsid w:val="003C2F15"/>
    <w:rsid w:val="003C2F29"/>
    <w:rsid w:val="003C4BBB"/>
    <w:rsid w:val="003C5198"/>
    <w:rsid w:val="003C5288"/>
    <w:rsid w:val="003C5769"/>
    <w:rsid w:val="003C5FC4"/>
    <w:rsid w:val="003C6108"/>
    <w:rsid w:val="003C6337"/>
    <w:rsid w:val="003D08C4"/>
    <w:rsid w:val="003D335E"/>
    <w:rsid w:val="003D475E"/>
    <w:rsid w:val="003D5960"/>
    <w:rsid w:val="003D666A"/>
    <w:rsid w:val="003D7601"/>
    <w:rsid w:val="003E0B16"/>
    <w:rsid w:val="003E248C"/>
    <w:rsid w:val="003E310A"/>
    <w:rsid w:val="003E7B1D"/>
    <w:rsid w:val="003F006F"/>
    <w:rsid w:val="003F2949"/>
    <w:rsid w:val="003F3497"/>
    <w:rsid w:val="003F39A5"/>
    <w:rsid w:val="003F5A20"/>
    <w:rsid w:val="003F5E7E"/>
    <w:rsid w:val="003F619D"/>
    <w:rsid w:val="003F6506"/>
    <w:rsid w:val="003F651A"/>
    <w:rsid w:val="003F764C"/>
    <w:rsid w:val="00401034"/>
    <w:rsid w:val="00401351"/>
    <w:rsid w:val="00401588"/>
    <w:rsid w:val="00401F76"/>
    <w:rsid w:val="004029BA"/>
    <w:rsid w:val="00402B75"/>
    <w:rsid w:val="00402D21"/>
    <w:rsid w:val="00404695"/>
    <w:rsid w:val="00404DEC"/>
    <w:rsid w:val="00405031"/>
    <w:rsid w:val="00405228"/>
    <w:rsid w:val="00407101"/>
    <w:rsid w:val="00407795"/>
    <w:rsid w:val="004100CD"/>
    <w:rsid w:val="004115F1"/>
    <w:rsid w:val="00411606"/>
    <w:rsid w:val="0041239C"/>
    <w:rsid w:val="00412668"/>
    <w:rsid w:val="00412C7D"/>
    <w:rsid w:val="00412DA8"/>
    <w:rsid w:val="004150A5"/>
    <w:rsid w:val="004150E6"/>
    <w:rsid w:val="00415732"/>
    <w:rsid w:val="00415C9C"/>
    <w:rsid w:val="004161CE"/>
    <w:rsid w:val="004167A4"/>
    <w:rsid w:val="00416E02"/>
    <w:rsid w:val="004177C1"/>
    <w:rsid w:val="004205F1"/>
    <w:rsid w:val="00420751"/>
    <w:rsid w:val="00420A31"/>
    <w:rsid w:val="00421E5A"/>
    <w:rsid w:val="00422707"/>
    <w:rsid w:val="0042284B"/>
    <w:rsid w:val="0042295F"/>
    <w:rsid w:val="004236CC"/>
    <w:rsid w:val="004269E1"/>
    <w:rsid w:val="0043063E"/>
    <w:rsid w:val="00430DA2"/>
    <w:rsid w:val="00430F1B"/>
    <w:rsid w:val="00431A0F"/>
    <w:rsid w:val="00431BC1"/>
    <w:rsid w:val="00432418"/>
    <w:rsid w:val="00432A95"/>
    <w:rsid w:val="00432E25"/>
    <w:rsid w:val="00433C59"/>
    <w:rsid w:val="00434761"/>
    <w:rsid w:val="00434B40"/>
    <w:rsid w:val="00434EE0"/>
    <w:rsid w:val="00436CBB"/>
    <w:rsid w:val="00436D73"/>
    <w:rsid w:val="0044010B"/>
    <w:rsid w:val="0044088C"/>
    <w:rsid w:val="00442373"/>
    <w:rsid w:val="00442D23"/>
    <w:rsid w:val="004431FD"/>
    <w:rsid w:val="004435C2"/>
    <w:rsid w:val="00444161"/>
    <w:rsid w:val="0044497A"/>
    <w:rsid w:val="00445751"/>
    <w:rsid w:val="00445EF9"/>
    <w:rsid w:val="00446C8D"/>
    <w:rsid w:val="00447353"/>
    <w:rsid w:val="004476E6"/>
    <w:rsid w:val="004479CC"/>
    <w:rsid w:val="0045078F"/>
    <w:rsid w:val="0045198C"/>
    <w:rsid w:val="00451A5E"/>
    <w:rsid w:val="00451C72"/>
    <w:rsid w:val="00451CD2"/>
    <w:rsid w:val="00451E0B"/>
    <w:rsid w:val="0045308F"/>
    <w:rsid w:val="00453ED2"/>
    <w:rsid w:val="00454595"/>
    <w:rsid w:val="0045539A"/>
    <w:rsid w:val="0046036E"/>
    <w:rsid w:val="0046074A"/>
    <w:rsid w:val="00462891"/>
    <w:rsid w:val="00462C3C"/>
    <w:rsid w:val="00462F91"/>
    <w:rsid w:val="0046437A"/>
    <w:rsid w:val="00464B0E"/>
    <w:rsid w:val="004652C4"/>
    <w:rsid w:val="00466C38"/>
    <w:rsid w:val="00467C38"/>
    <w:rsid w:val="00467C56"/>
    <w:rsid w:val="00471A16"/>
    <w:rsid w:val="004721A4"/>
    <w:rsid w:val="0047316E"/>
    <w:rsid w:val="004731D1"/>
    <w:rsid w:val="004757AC"/>
    <w:rsid w:val="0047631D"/>
    <w:rsid w:val="00476C55"/>
    <w:rsid w:val="00476DDE"/>
    <w:rsid w:val="00480863"/>
    <w:rsid w:val="0048086B"/>
    <w:rsid w:val="00482EC4"/>
    <w:rsid w:val="0048301B"/>
    <w:rsid w:val="00486275"/>
    <w:rsid w:val="00487C32"/>
    <w:rsid w:val="00487F69"/>
    <w:rsid w:val="00491B71"/>
    <w:rsid w:val="0049331E"/>
    <w:rsid w:val="00494F56"/>
    <w:rsid w:val="004954DB"/>
    <w:rsid w:val="00495E66"/>
    <w:rsid w:val="004977C1"/>
    <w:rsid w:val="00497A9B"/>
    <w:rsid w:val="004A154F"/>
    <w:rsid w:val="004A1DF6"/>
    <w:rsid w:val="004A220B"/>
    <w:rsid w:val="004A3087"/>
    <w:rsid w:val="004A38B9"/>
    <w:rsid w:val="004A3936"/>
    <w:rsid w:val="004A3996"/>
    <w:rsid w:val="004A429C"/>
    <w:rsid w:val="004A4A32"/>
    <w:rsid w:val="004A4C3D"/>
    <w:rsid w:val="004A5049"/>
    <w:rsid w:val="004A508E"/>
    <w:rsid w:val="004A5F5D"/>
    <w:rsid w:val="004A620B"/>
    <w:rsid w:val="004A6E4C"/>
    <w:rsid w:val="004A7FD0"/>
    <w:rsid w:val="004B187C"/>
    <w:rsid w:val="004B2473"/>
    <w:rsid w:val="004B331F"/>
    <w:rsid w:val="004B4A30"/>
    <w:rsid w:val="004B54C8"/>
    <w:rsid w:val="004B7AA6"/>
    <w:rsid w:val="004C1A22"/>
    <w:rsid w:val="004C2C23"/>
    <w:rsid w:val="004C2CA3"/>
    <w:rsid w:val="004C3092"/>
    <w:rsid w:val="004C41EE"/>
    <w:rsid w:val="004C4300"/>
    <w:rsid w:val="004C4AED"/>
    <w:rsid w:val="004C6DE9"/>
    <w:rsid w:val="004C7243"/>
    <w:rsid w:val="004C73EF"/>
    <w:rsid w:val="004C7ABE"/>
    <w:rsid w:val="004C7C55"/>
    <w:rsid w:val="004D0074"/>
    <w:rsid w:val="004D042F"/>
    <w:rsid w:val="004D0F6B"/>
    <w:rsid w:val="004D1928"/>
    <w:rsid w:val="004D228A"/>
    <w:rsid w:val="004D269A"/>
    <w:rsid w:val="004D351B"/>
    <w:rsid w:val="004D45E7"/>
    <w:rsid w:val="004D7053"/>
    <w:rsid w:val="004D7162"/>
    <w:rsid w:val="004D73B5"/>
    <w:rsid w:val="004E03D7"/>
    <w:rsid w:val="004E0ECA"/>
    <w:rsid w:val="004E18D2"/>
    <w:rsid w:val="004E1F02"/>
    <w:rsid w:val="004E23C3"/>
    <w:rsid w:val="004E2793"/>
    <w:rsid w:val="004E32D0"/>
    <w:rsid w:val="004E37FC"/>
    <w:rsid w:val="004E3CA1"/>
    <w:rsid w:val="004E4195"/>
    <w:rsid w:val="004E4E7C"/>
    <w:rsid w:val="004E6098"/>
    <w:rsid w:val="004E61FA"/>
    <w:rsid w:val="004E6C7E"/>
    <w:rsid w:val="004E7426"/>
    <w:rsid w:val="004E7718"/>
    <w:rsid w:val="004E7952"/>
    <w:rsid w:val="004F019F"/>
    <w:rsid w:val="004F044E"/>
    <w:rsid w:val="004F1010"/>
    <w:rsid w:val="004F1B9F"/>
    <w:rsid w:val="004F33E0"/>
    <w:rsid w:val="004F5BEE"/>
    <w:rsid w:val="004F5EE3"/>
    <w:rsid w:val="004F76AC"/>
    <w:rsid w:val="005008A0"/>
    <w:rsid w:val="00501929"/>
    <w:rsid w:val="00501CB5"/>
    <w:rsid w:val="00502263"/>
    <w:rsid w:val="00502BC6"/>
    <w:rsid w:val="00502CE2"/>
    <w:rsid w:val="005051A4"/>
    <w:rsid w:val="0050612A"/>
    <w:rsid w:val="005067EE"/>
    <w:rsid w:val="00506922"/>
    <w:rsid w:val="00506F09"/>
    <w:rsid w:val="00506F1C"/>
    <w:rsid w:val="0050770F"/>
    <w:rsid w:val="00507901"/>
    <w:rsid w:val="005101BD"/>
    <w:rsid w:val="00511CF3"/>
    <w:rsid w:val="005121F0"/>
    <w:rsid w:val="005123F4"/>
    <w:rsid w:val="00512E5F"/>
    <w:rsid w:val="005134E9"/>
    <w:rsid w:val="00514121"/>
    <w:rsid w:val="00514147"/>
    <w:rsid w:val="0051442C"/>
    <w:rsid w:val="00514435"/>
    <w:rsid w:val="005149E0"/>
    <w:rsid w:val="00515AC3"/>
    <w:rsid w:val="00516BDC"/>
    <w:rsid w:val="00516C60"/>
    <w:rsid w:val="00516F9A"/>
    <w:rsid w:val="0051711B"/>
    <w:rsid w:val="005173EE"/>
    <w:rsid w:val="00517829"/>
    <w:rsid w:val="0051796F"/>
    <w:rsid w:val="005179A1"/>
    <w:rsid w:val="005233E4"/>
    <w:rsid w:val="00523FB5"/>
    <w:rsid w:val="00524A9D"/>
    <w:rsid w:val="00524AD1"/>
    <w:rsid w:val="00524ADB"/>
    <w:rsid w:val="00524F17"/>
    <w:rsid w:val="005254DC"/>
    <w:rsid w:val="00525550"/>
    <w:rsid w:val="00525C91"/>
    <w:rsid w:val="00527151"/>
    <w:rsid w:val="00527B0C"/>
    <w:rsid w:val="005302B4"/>
    <w:rsid w:val="00530AFC"/>
    <w:rsid w:val="00532B3B"/>
    <w:rsid w:val="00532B51"/>
    <w:rsid w:val="005340C3"/>
    <w:rsid w:val="005344A1"/>
    <w:rsid w:val="00534A4A"/>
    <w:rsid w:val="00535BF5"/>
    <w:rsid w:val="00536BF8"/>
    <w:rsid w:val="005373A3"/>
    <w:rsid w:val="005373F7"/>
    <w:rsid w:val="00541AC9"/>
    <w:rsid w:val="00541F28"/>
    <w:rsid w:val="00543183"/>
    <w:rsid w:val="00543D07"/>
    <w:rsid w:val="00546BF3"/>
    <w:rsid w:val="00546EDC"/>
    <w:rsid w:val="00547188"/>
    <w:rsid w:val="005475C8"/>
    <w:rsid w:val="00547C05"/>
    <w:rsid w:val="00547E90"/>
    <w:rsid w:val="00547EAC"/>
    <w:rsid w:val="00550C80"/>
    <w:rsid w:val="005518F9"/>
    <w:rsid w:val="005519F4"/>
    <w:rsid w:val="00552745"/>
    <w:rsid w:val="0055290D"/>
    <w:rsid w:val="0055391E"/>
    <w:rsid w:val="00553F81"/>
    <w:rsid w:val="005549D2"/>
    <w:rsid w:val="00555106"/>
    <w:rsid w:val="00555BDC"/>
    <w:rsid w:val="005564F3"/>
    <w:rsid w:val="0055669A"/>
    <w:rsid w:val="00556A25"/>
    <w:rsid w:val="00556F26"/>
    <w:rsid w:val="005604E5"/>
    <w:rsid w:val="00560895"/>
    <w:rsid w:val="00563313"/>
    <w:rsid w:val="005653A6"/>
    <w:rsid w:val="00567B98"/>
    <w:rsid w:val="005704D3"/>
    <w:rsid w:val="00570A1F"/>
    <w:rsid w:val="005712C0"/>
    <w:rsid w:val="005714C2"/>
    <w:rsid w:val="00572DF3"/>
    <w:rsid w:val="0057362F"/>
    <w:rsid w:val="00574773"/>
    <w:rsid w:val="00574A6C"/>
    <w:rsid w:val="0057622D"/>
    <w:rsid w:val="00577EEA"/>
    <w:rsid w:val="00581842"/>
    <w:rsid w:val="00581C08"/>
    <w:rsid w:val="00581E41"/>
    <w:rsid w:val="0058276C"/>
    <w:rsid w:val="00582800"/>
    <w:rsid w:val="00582B00"/>
    <w:rsid w:val="00583A97"/>
    <w:rsid w:val="005849DD"/>
    <w:rsid w:val="00585A36"/>
    <w:rsid w:val="00585E12"/>
    <w:rsid w:val="00587769"/>
    <w:rsid w:val="005878D0"/>
    <w:rsid w:val="00587A9F"/>
    <w:rsid w:val="0059164C"/>
    <w:rsid w:val="00591E94"/>
    <w:rsid w:val="005927B2"/>
    <w:rsid w:val="00592CF1"/>
    <w:rsid w:val="0059346B"/>
    <w:rsid w:val="00594337"/>
    <w:rsid w:val="00595640"/>
    <w:rsid w:val="0059643A"/>
    <w:rsid w:val="00596DAF"/>
    <w:rsid w:val="005976EA"/>
    <w:rsid w:val="005978CE"/>
    <w:rsid w:val="005A10AC"/>
    <w:rsid w:val="005A2675"/>
    <w:rsid w:val="005A3148"/>
    <w:rsid w:val="005A37EB"/>
    <w:rsid w:val="005A5552"/>
    <w:rsid w:val="005A619F"/>
    <w:rsid w:val="005A657D"/>
    <w:rsid w:val="005A780D"/>
    <w:rsid w:val="005B09D0"/>
    <w:rsid w:val="005B14C1"/>
    <w:rsid w:val="005B246D"/>
    <w:rsid w:val="005B2C28"/>
    <w:rsid w:val="005B347F"/>
    <w:rsid w:val="005B3BA3"/>
    <w:rsid w:val="005B48D1"/>
    <w:rsid w:val="005B5F8E"/>
    <w:rsid w:val="005B6BC4"/>
    <w:rsid w:val="005C15A1"/>
    <w:rsid w:val="005C2072"/>
    <w:rsid w:val="005C29CF"/>
    <w:rsid w:val="005C2BB8"/>
    <w:rsid w:val="005C2FA1"/>
    <w:rsid w:val="005C3EBA"/>
    <w:rsid w:val="005C455A"/>
    <w:rsid w:val="005C4947"/>
    <w:rsid w:val="005C5027"/>
    <w:rsid w:val="005C5149"/>
    <w:rsid w:val="005C6318"/>
    <w:rsid w:val="005C78D5"/>
    <w:rsid w:val="005D0881"/>
    <w:rsid w:val="005D1227"/>
    <w:rsid w:val="005D1D0D"/>
    <w:rsid w:val="005D238A"/>
    <w:rsid w:val="005D255F"/>
    <w:rsid w:val="005D4D64"/>
    <w:rsid w:val="005D59A5"/>
    <w:rsid w:val="005D5D0F"/>
    <w:rsid w:val="005D694B"/>
    <w:rsid w:val="005D7600"/>
    <w:rsid w:val="005E1364"/>
    <w:rsid w:val="005E164F"/>
    <w:rsid w:val="005E227C"/>
    <w:rsid w:val="005E2524"/>
    <w:rsid w:val="005E2A0D"/>
    <w:rsid w:val="005E2AF6"/>
    <w:rsid w:val="005E30F5"/>
    <w:rsid w:val="005E3295"/>
    <w:rsid w:val="005E3C2B"/>
    <w:rsid w:val="005E5203"/>
    <w:rsid w:val="005E5CE1"/>
    <w:rsid w:val="005E6673"/>
    <w:rsid w:val="005E7869"/>
    <w:rsid w:val="005E7CDA"/>
    <w:rsid w:val="005F068F"/>
    <w:rsid w:val="005F0788"/>
    <w:rsid w:val="005F1293"/>
    <w:rsid w:val="005F236A"/>
    <w:rsid w:val="005F2598"/>
    <w:rsid w:val="005F2AFC"/>
    <w:rsid w:val="005F3F91"/>
    <w:rsid w:val="005F5242"/>
    <w:rsid w:val="005F608E"/>
    <w:rsid w:val="005F6142"/>
    <w:rsid w:val="005F6485"/>
    <w:rsid w:val="005F6938"/>
    <w:rsid w:val="005F69F6"/>
    <w:rsid w:val="005F72E3"/>
    <w:rsid w:val="005F798A"/>
    <w:rsid w:val="005F7E1B"/>
    <w:rsid w:val="00602E83"/>
    <w:rsid w:val="00603166"/>
    <w:rsid w:val="0060321E"/>
    <w:rsid w:val="006037FF"/>
    <w:rsid w:val="00603857"/>
    <w:rsid w:val="0060559B"/>
    <w:rsid w:val="00605FBF"/>
    <w:rsid w:val="00606361"/>
    <w:rsid w:val="00606B38"/>
    <w:rsid w:val="00607526"/>
    <w:rsid w:val="00610220"/>
    <w:rsid w:val="00610E30"/>
    <w:rsid w:val="00611341"/>
    <w:rsid w:val="006118B1"/>
    <w:rsid w:val="00611A58"/>
    <w:rsid w:val="006123C3"/>
    <w:rsid w:val="006127D9"/>
    <w:rsid w:val="0061280F"/>
    <w:rsid w:val="00613EEB"/>
    <w:rsid w:val="00613EF9"/>
    <w:rsid w:val="00614908"/>
    <w:rsid w:val="00614B33"/>
    <w:rsid w:val="00615F57"/>
    <w:rsid w:val="00616EFF"/>
    <w:rsid w:val="0061706B"/>
    <w:rsid w:val="00620443"/>
    <w:rsid w:val="00621371"/>
    <w:rsid w:val="00621F74"/>
    <w:rsid w:val="006220A3"/>
    <w:rsid w:val="00622486"/>
    <w:rsid w:val="00623AB2"/>
    <w:rsid w:val="00624121"/>
    <w:rsid w:val="00624D6B"/>
    <w:rsid w:val="0062504D"/>
    <w:rsid w:val="00625934"/>
    <w:rsid w:val="006262C8"/>
    <w:rsid w:val="00627D44"/>
    <w:rsid w:val="006302A0"/>
    <w:rsid w:val="00630B71"/>
    <w:rsid w:val="006310AE"/>
    <w:rsid w:val="0063123A"/>
    <w:rsid w:val="0063194F"/>
    <w:rsid w:val="00631E49"/>
    <w:rsid w:val="00632B63"/>
    <w:rsid w:val="006330EB"/>
    <w:rsid w:val="00633180"/>
    <w:rsid w:val="00633516"/>
    <w:rsid w:val="00633720"/>
    <w:rsid w:val="006358E6"/>
    <w:rsid w:val="006409A8"/>
    <w:rsid w:val="006415AC"/>
    <w:rsid w:val="00641937"/>
    <w:rsid w:val="0064266F"/>
    <w:rsid w:val="006435BF"/>
    <w:rsid w:val="00643BCF"/>
    <w:rsid w:val="00644349"/>
    <w:rsid w:val="00646352"/>
    <w:rsid w:val="006477B6"/>
    <w:rsid w:val="00647A29"/>
    <w:rsid w:val="006514AA"/>
    <w:rsid w:val="0065256E"/>
    <w:rsid w:val="006525D2"/>
    <w:rsid w:val="0065287D"/>
    <w:rsid w:val="00652F62"/>
    <w:rsid w:val="00656D35"/>
    <w:rsid w:val="0066196D"/>
    <w:rsid w:val="00661FCA"/>
    <w:rsid w:val="006634D6"/>
    <w:rsid w:val="0066485D"/>
    <w:rsid w:val="006672B1"/>
    <w:rsid w:val="00667AAF"/>
    <w:rsid w:val="00670C22"/>
    <w:rsid w:val="00671052"/>
    <w:rsid w:val="0067105D"/>
    <w:rsid w:val="00671E3F"/>
    <w:rsid w:val="0067266A"/>
    <w:rsid w:val="00672A2D"/>
    <w:rsid w:val="006738D0"/>
    <w:rsid w:val="00677833"/>
    <w:rsid w:val="00677C2B"/>
    <w:rsid w:val="00681EAE"/>
    <w:rsid w:val="006824FF"/>
    <w:rsid w:val="00682580"/>
    <w:rsid w:val="00682902"/>
    <w:rsid w:val="00683ABB"/>
    <w:rsid w:val="00684326"/>
    <w:rsid w:val="00684F95"/>
    <w:rsid w:val="00685339"/>
    <w:rsid w:val="0068553D"/>
    <w:rsid w:val="00686743"/>
    <w:rsid w:val="0068687D"/>
    <w:rsid w:val="006870C4"/>
    <w:rsid w:val="00687112"/>
    <w:rsid w:val="00687657"/>
    <w:rsid w:val="00691076"/>
    <w:rsid w:val="006913E8"/>
    <w:rsid w:val="00691C45"/>
    <w:rsid w:val="00691D24"/>
    <w:rsid w:val="00692823"/>
    <w:rsid w:val="006930E9"/>
    <w:rsid w:val="0069315F"/>
    <w:rsid w:val="0069343B"/>
    <w:rsid w:val="006934CF"/>
    <w:rsid w:val="006936B6"/>
    <w:rsid w:val="00693AC9"/>
    <w:rsid w:val="00695018"/>
    <w:rsid w:val="006951CD"/>
    <w:rsid w:val="00695609"/>
    <w:rsid w:val="00695B1F"/>
    <w:rsid w:val="00695E93"/>
    <w:rsid w:val="00696C4A"/>
    <w:rsid w:val="00696ECF"/>
    <w:rsid w:val="006A279C"/>
    <w:rsid w:val="006A424B"/>
    <w:rsid w:val="006A6794"/>
    <w:rsid w:val="006A7249"/>
    <w:rsid w:val="006B0289"/>
    <w:rsid w:val="006B0887"/>
    <w:rsid w:val="006B0A8F"/>
    <w:rsid w:val="006B0BE9"/>
    <w:rsid w:val="006B14F5"/>
    <w:rsid w:val="006B28B2"/>
    <w:rsid w:val="006B2BB1"/>
    <w:rsid w:val="006B2C43"/>
    <w:rsid w:val="006B402F"/>
    <w:rsid w:val="006B4163"/>
    <w:rsid w:val="006B4BE7"/>
    <w:rsid w:val="006B53F3"/>
    <w:rsid w:val="006B674B"/>
    <w:rsid w:val="006C10E1"/>
    <w:rsid w:val="006C12E0"/>
    <w:rsid w:val="006C1989"/>
    <w:rsid w:val="006C1E2F"/>
    <w:rsid w:val="006C214E"/>
    <w:rsid w:val="006C2CFC"/>
    <w:rsid w:val="006C3641"/>
    <w:rsid w:val="006C3B0C"/>
    <w:rsid w:val="006C47C0"/>
    <w:rsid w:val="006C482C"/>
    <w:rsid w:val="006C5AB6"/>
    <w:rsid w:val="006C64DC"/>
    <w:rsid w:val="006C67DC"/>
    <w:rsid w:val="006C7B14"/>
    <w:rsid w:val="006C7B47"/>
    <w:rsid w:val="006D0D7C"/>
    <w:rsid w:val="006D0DF8"/>
    <w:rsid w:val="006D223E"/>
    <w:rsid w:val="006D2B29"/>
    <w:rsid w:val="006D39E0"/>
    <w:rsid w:val="006D4A74"/>
    <w:rsid w:val="006D62D6"/>
    <w:rsid w:val="006D7F3A"/>
    <w:rsid w:val="006E0B64"/>
    <w:rsid w:val="006E2D99"/>
    <w:rsid w:val="006E2EE6"/>
    <w:rsid w:val="006E322A"/>
    <w:rsid w:val="006E3BEE"/>
    <w:rsid w:val="006E41E0"/>
    <w:rsid w:val="006E633A"/>
    <w:rsid w:val="006E69C2"/>
    <w:rsid w:val="006E6C1C"/>
    <w:rsid w:val="006E7BAE"/>
    <w:rsid w:val="006F0475"/>
    <w:rsid w:val="006F186D"/>
    <w:rsid w:val="006F1ECF"/>
    <w:rsid w:val="006F3238"/>
    <w:rsid w:val="006F3D56"/>
    <w:rsid w:val="006F4349"/>
    <w:rsid w:val="006F51E2"/>
    <w:rsid w:val="006F6777"/>
    <w:rsid w:val="006F6D03"/>
    <w:rsid w:val="007014F7"/>
    <w:rsid w:val="0070388C"/>
    <w:rsid w:val="007039BB"/>
    <w:rsid w:val="007040E9"/>
    <w:rsid w:val="0070417D"/>
    <w:rsid w:val="00704224"/>
    <w:rsid w:val="00705A43"/>
    <w:rsid w:val="007063F6"/>
    <w:rsid w:val="00707CE1"/>
    <w:rsid w:val="00710414"/>
    <w:rsid w:val="0071048E"/>
    <w:rsid w:val="00711260"/>
    <w:rsid w:val="00712F82"/>
    <w:rsid w:val="00713052"/>
    <w:rsid w:val="00713111"/>
    <w:rsid w:val="00715435"/>
    <w:rsid w:val="00715444"/>
    <w:rsid w:val="00715642"/>
    <w:rsid w:val="00715DC1"/>
    <w:rsid w:val="00716168"/>
    <w:rsid w:val="00716687"/>
    <w:rsid w:val="00717539"/>
    <w:rsid w:val="00717DD1"/>
    <w:rsid w:val="00720050"/>
    <w:rsid w:val="00721131"/>
    <w:rsid w:val="007211A6"/>
    <w:rsid w:val="0072209B"/>
    <w:rsid w:val="00723324"/>
    <w:rsid w:val="0072395A"/>
    <w:rsid w:val="007239A9"/>
    <w:rsid w:val="00723B67"/>
    <w:rsid w:val="00724B85"/>
    <w:rsid w:val="00727517"/>
    <w:rsid w:val="0073068D"/>
    <w:rsid w:val="00730E5C"/>
    <w:rsid w:val="00730E69"/>
    <w:rsid w:val="007321B1"/>
    <w:rsid w:val="00732E94"/>
    <w:rsid w:val="00733E2B"/>
    <w:rsid w:val="00734615"/>
    <w:rsid w:val="00735572"/>
    <w:rsid w:val="00735E94"/>
    <w:rsid w:val="00736948"/>
    <w:rsid w:val="00736ADD"/>
    <w:rsid w:val="00740130"/>
    <w:rsid w:val="0074033E"/>
    <w:rsid w:val="00740C9B"/>
    <w:rsid w:val="00741B6B"/>
    <w:rsid w:val="007421D3"/>
    <w:rsid w:val="007421F4"/>
    <w:rsid w:val="0074241E"/>
    <w:rsid w:val="00743158"/>
    <w:rsid w:val="007439B8"/>
    <w:rsid w:val="007457AB"/>
    <w:rsid w:val="007468BF"/>
    <w:rsid w:val="00747A89"/>
    <w:rsid w:val="00750ADE"/>
    <w:rsid w:val="0075193E"/>
    <w:rsid w:val="0075591B"/>
    <w:rsid w:val="00755980"/>
    <w:rsid w:val="00756002"/>
    <w:rsid w:val="007568E3"/>
    <w:rsid w:val="00757279"/>
    <w:rsid w:val="007600D0"/>
    <w:rsid w:val="0076023B"/>
    <w:rsid w:val="00760B4F"/>
    <w:rsid w:val="00761A18"/>
    <w:rsid w:val="00764587"/>
    <w:rsid w:val="007647DB"/>
    <w:rsid w:val="00767CCF"/>
    <w:rsid w:val="007709B6"/>
    <w:rsid w:val="0077125F"/>
    <w:rsid w:val="00771584"/>
    <w:rsid w:val="007716F0"/>
    <w:rsid w:val="00771CC2"/>
    <w:rsid w:val="00772EBA"/>
    <w:rsid w:val="00774671"/>
    <w:rsid w:val="00775AC9"/>
    <w:rsid w:val="00775E35"/>
    <w:rsid w:val="0077631B"/>
    <w:rsid w:val="00776E65"/>
    <w:rsid w:val="00781033"/>
    <w:rsid w:val="00781BBF"/>
    <w:rsid w:val="00782420"/>
    <w:rsid w:val="0078382C"/>
    <w:rsid w:val="0078387C"/>
    <w:rsid w:val="00784C0C"/>
    <w:rsid w:val="0078713E"/>
    <w:rsid w:val="00787372"/>
    <w:rsid w:val="0079047F"/>
    <w:rsid w:val="007907F0"/>
    <w:rsid w:val="007929E8"/>
    <w:rsid w:val="00793C2E"/>
    <w:rsid w:val="00793FC9"/>
    <w:rsid w:val="007944D6"/>
    <w:rsid w:val="007949CD"/>
    <w:rsid w:val="00794A91"/>
    <w:rsid w:val="00795527"/>
    <w:rsid w:val="00796FD9"/>
    <w:rsid w:val="007979F3"/>
    <w:rsid w:val="007A07D6"/>
    <w:rsid w:val="007A0802"/>
    <w:rsid w:val="007A138D"/>
    <w:rsid w:val="007A145F"/>
    <w:rsid w:val="007A15E8"/>
    <w:rsid w:val="007A17E5"/>
    <w:rsid w:val="007A215B"/>
    <w:rsid w:val="007A45F5"/>
    <w:rsid w:val="007A51DE"/>
    <w:rsid w:val="007A5623"/>
    <w:rsid w:val="007A5E94"/>
    <w:rsid w:val="007A6993"/>
    <w:rsid w:val="007B0591"/>
    <w:rsid w:val="007B1406"/>
    <w:rsid w:val="007B165F"/>
    <w:rsid w:val="007B1938"/>
    <w:rsid w:val="007B230A"/>
    <w:rsid w:val="007B335B"/>
    <w:rsid w:val="007B514E"/>
    <w:rsid w:val="007B55E0"/>
    <w:rsid w:val="007B61EF"/>
    <w:rsid w:val="007B7055"/>
    <w:rsid w:val="007C0BAB"/>
    <w:rsid w:val="007C10F1"/>
    <w:rsid w:val="007C1407"/>
    <w:rsid w:val="007C1A69"/>
    <w:rsid w:val="007C1DE4"/>
    <w:rsid w:val="007C220E"/>
    <w:rsid w:val="007C275F"/>
    <w:rsid w:val="007C33A7"/>
    <w:rsid w:val="007C4EF9"/>
    <w:rsid w:val="007C5DB5"/>
    <w:rsid w:val="007C62E7"/>
    <w:rsid w:val="007C6EF9"/>
    <w:rsid w:val="007C7610"/>
    <w:rsid w:val="007D0A56"/>
    <w:rsid w:val="007D1931"/>
    <w:rsid w:val="007D209F"/>
    <w:rsid w:val="007D2756"/>
    <w:rsid w:val="007D3036"/>
    <w:rsid w:val="007D5808"/>
    <w:rsid w:val="007D5D40"/>
    <w:rsid w:val="007D62F0"/>
    <w:rsid w:val="007D676B"/>
    <w:rsid w:val="007D681D"/>
    <w:rsid w:val="007D7F5E"/>
    <w:rsid w:val="007E0F27"/>
    <w:rsid w:val="007E12BD"/>
    <w:rsid w:val="007E1E07"/>
    <w:rsid w:val="007E245F"/>
    <w:rsid w:val="007E2677"/>
    <w:rsid w:val="007E37CF"/>
    <w:rsid w:val="007E3BC5"/>
    <w:rsid w:val="007E4AC7"/>
    <w:rsid w:val="007E4AD2"/>
    <w:rsid w:val="007E50AC"/>
    <w:rsid w:val="007E5654"/>
    <w:rsid w:val="007E5CE2"/>
    <w:rsid w:val="007E6959"/>
    <w:rsid w:val="007E6BB6"/>
    <w:rsid w:val="007E7F0B"/>
    <w:rsid w:val="007F0B89"/>
    <w:rsid w:val="007F15DE"/>
    <w:rsid w:val="007F1980"/>
    <w:rsid w:val="007F19F4"/>
    <w:rsid w:val="007F489F"/>
    <w:rsid w:val="007F68A0"/>
    <w:rsid w:val="007F71B1"/>
    <w:rsid w:val="007F7E56"/>
    <w:rsid w:val="00800CEC"/>
    <w:rsid w:val="00800F9C"/>
    <w:rsid w:val="0080176E"/>
    <w:rsid w:val="0080218E"/>
    <w:rsid w:val="008024CF"/>
    <w:rsid w:val="0080518C"/>
    <w:rsid w:val="0080573E"/>
    <w:rsid w:val="00805757"/>
    <w:rsid w:val="00806089"/>
    <w:rsid w:val="008060B2"/>
    <w:rsid w:val="00806100"/>
    <w:rsid w:val="00806194"/>
    <w:rsid w:val="00807EFC"/>
    <w:rsid w:val="00812ACC"/>
    <w:rsid w:val="00813928"/>
    <w:rsid w:val="008140CB"/>
    <w:rsid w:val="00814822"/>
    <w:rsid w:val="00814994"/>
    <w:rsid w:val="00815726"/>
    <w:rsid w:val="0081686E"/>
    <w:rsid w:val="00821309"/>
    <w:rsid w:val="008218E5"/>
    <w:rsid w:val="00821973"/>
    <w:rsid w:val="008219E4"/>
    <w:rsid w:val="008226D6"/>
    <w:rsid w:val="00822DFD"/>
    <w:rsid w:val="008245D9"/>
    <w:rsid w:val="008245F2"/>
    <w:rsid w:val="00824A56"/>
    <w:rsid w:val="008258AD"/>
    <w:rsid w:val="008272AB"/>
    <w:rsid w:val="008277F4"/>
    <w:rsid w:val="0083071A"/>
    <w:rsid w:val="00830EA9"/>
    <w:rsid w:val="00830EEA"/>
    <w:rsid w:val="00831A50"/>
    <w:rsid w:val="00831DA6"/>
    <w:rsid w:val="008329A4"/>
    <w:rsid w:val="00832AD7"/>
    <w:rsid w:val="00833E14"/>
    <w:rsid w:val="00834696"/>
    <w:rsid w:val="00834DF1"/>
    <w:rsid w:val="00835A3F"/>
    <w:rsid w:val="008373A1"/>
    <w:rsid w:val="008404F0"/>
    <w:rsid w:val="00840C3E"/>
    <w:rsid w:val="00840D23"/>
    <w:rsid w:val="00840DBD"/>
    <w:rsid w:val="008413AE"/>
    <w:rsid w:val="0084184E"/>
    <w:rsid w:val="008423EC"/>
    <w:rsid w:val="00842B0A"/>
    <w:rsid w:val="00843A74"/>
    <w:rsid w:val="00844869"/>
    <w:rsid w:val="00844E6E"/>
    <w:rsid w:val="00845071"/>
    <w:rsid w:val="0084695E"/>
    <w:rsid w:val="0085068A"/>
    <w:rsid w:val="00850B2B"/>
    <w:rsid w:val="00851987"/>
    <w:rsid w:val="0085651F"/>
    <w:rsid w:val="00857BF3"/>
    <w:rsid w:val="008614BF"/>
    <w:rsid w:val="00863047"/>
    <w:rsid w:val="00863A1D"/>
    <w:rsid w:val="00864A30"/>
    <w:rsid w:val="00864B24"/>
    <w:rsid w:val="00864CD0"/>
    <w:rsid w:val="00866205"/>
    <w:rsid w:val="00870665"/>
    <w:rsid w:val="00871045"/>
    <w:rsid w:val="008728A4"/>
    <w:rsid w:val="00873036"/>
    <w:rsid w:val="00875374"/>
    <w:rsid w:val="00875422"/>
    <w:rsid w:val="008758FA"/>
    <w:rsid w:val="008770AA"/>
    <w:rsid w:val="00881224"/>
    <w:rsid w:val="008817C5"/>
    <w:rsid w:val="008817EB"/>
    <w:rsid w:val="008819B7"/>
    <w:rsid w:val="00881A0D"/>
    <w:rsid w:val="00881B7A"/>
    <w:rsid w:val="008825CF"/>
    <w:rsid w:val="00882AB3"/>
    <w:rsid w:val="00885EFB"/>
    <w:rsid w:val="00886135"/>
    <w:rsid w:val="0088691E"/>
    <w:rsid w:val="0088755B"/>
    <w:rsid w:val="00887639"/>
    <w:rsid w:val="00887997"/>
    <w:rsid w:val="00890E21"/>
    <w:rsid w:val="008918E9"/>
    <w:rsid w:val="00892192"/>
    <w:rsid w:val="00892DB9"/>
    <w:rsid w:val="00893BF8"/>
    <w:rsid w:val="008944B8"/>
    <w:rsid w:val="00895522"/>
    <w:rsid w:val="008955E6"/>
    <w:rsid w:val="00896981"/>
    <w:rsid w:val="00897335"/>
    <w:rsid w:val="00897857"/>
    <w:rsid w:val="008A0D88"/>
    <w:rsid w:val="008A0E2F"/>
    <w:rsid w:val="008A18AF"/>
    <w:rsid w:val="008A2D4E"/>
    <w:rsid w:val="008A39C1"/>
    <w:rsid w:val="008A4EF2"/>
    <w:rsid w:val="008A5229"/>
    <w:rsid w:val="008A5241"/>
    <w:rsid w:val="008A7F29"/>
    <w:rsid w:val="008B092D"/>
    <w:rsid w:val="008B2209"/>
    <w:rsid w:val="008B3262"/>
    <w:rsid w:val="008B3C21"/>
    <w:rsid w:val="008B3D62"/>
    <w:rsid w:val="008B537E"/>
    <w:rsid w:val="008B5778"/>
    <w:rsid w:val="008B577E"/>
    <w:rsid w:val="008B6CC2"/>
    <w:rsid w:val="008B783D"/>
    <w:rsid w:val="008C0CB0"/>
    <w:rsid w:val="008C105C"/>
    <w:rsid w:val="008C146E"/>
    <w:rsid w:val="008C2239"/>
    <w:rsid w:val="008C2525"/>
    <w:rsid w:val="008C32F4"/>
    <w:rsid w:val="008C3407"/>
    <w:rsid w:val="008C459F"/>
    <w:rsid w:val="008C4F90"/>
    <w:rsid w:val="008C5379"/>
    <w:rsid w:val="008C55FF"/>
    <w:rsid w:val="008C561D"/>
    <w:rsid w:val="008C5B89"/>
    <w:rsid w:val="008C62DF"/>
    <w:rsid w:val="008C64CF"/>
    <w:rsid w:val="008C6E4E"/>
    <w:rsid w:val="008C79DC"/>
    <w:rsid w:val="008C7B73"/>
    <w:rsid w:val="008D0166"/>
    <w:rsid w:val="008D03BD"/>
    <w:rsid w:val="008D109C"/>
    <w:rsid w:val="008D1DEF"/>
    <w:rsid w:val="008D2B2A"/>
    <w:rsid w:val="008D434A"/>
    <w:rsid w:val="008D4C5B"/>
    <w:rsid w:val="008D597B"/>
    <w:rsid w:val="008D650D"/>
    <w:rsid w:val="008D6E30"/>
    <w:rsid w:val="008D7282"/>
    <w:rsid w:val="008E002A"/>
    <w:rsid w:val="008E01E6"/>
    <w:rsid w:val="008E0960"/>
    <w:rsid w:val="008E12B1"/>
    <w:rsid w:val="008E2DAD"/>
    <w:rsid w:val="008E3115"/>
    <w:rsid w:val="008E419A"/>
    <w:rsid w:val="008E447D"/>
    <w:rsid w:val="008E4481"/>
    <w:rsid w:val="008E49FE"/>
    <w:rsid w:val="008E4BF6"/>
    <w:rsid w:val="008E4D52"/>
    <w:rsid w:val="008E5A41"/>
    <w:rsid w:val="008E5E22"/>
    <w:rsid w:val="008E654A"/>
    <w:rsid w:val="008E6DA2"/>
    <w:rsid w:val="008E6F5B"/>
    <w:rsid w:val="008E782E"/>
    <w:rsid w:val="008F07F7"/>
    <w:rsid w:val="008F1C89"/>
    <w:rsid w:val="008F1F70"/>
    <w:rsid w:val="008F45BF"/>
    <w:rsid w:val="008F4F8D"/>
    <w:rsid w:val="008F51A0"/>
    <w:rsid w:val="008F5448"/>
    <w:rsid w:val="008F5EB6"/>
    <w:rsid w:val="008F620A"/>
    <w:rsid w:val="008F6D28"/>
    <w:rsid w:val="008F723F"/>
    <w:rsid w:val="008F7C6A"/>
    <w:rsid w:val="009003E4"/>
    <w:rsid w:val="0090085F"/>
    <w:rsid w:val="00901736"/>
    <w:rsid w:val="00902929"/>
    <w:rsid w:val="00902947"/>
    <w:rsid w:val="00903553"/>
    <w:rsid w:val="00904529"/>
    <w:rsid w:val="009051CD"/>
    <w:rsid w:val="00905727"/>
    <w:rsid w:val="009058B8"/>
    <w:rsid w:val="00905D0A"/>
    <w:rsid w:val="00905D34"/>
    <w:rsid w:val="00906A7D"/>
    <w:rsid w:val="009070C2"/>
    <w:rsid w:val="0090789C"/>
    <w:rsid w:val="009101A2"/>
    <w:rsid w:val="00910E3A"/>
    <w:rsid w:val="00910FCD"/>
    <w:rsid w:val="009115B5"/>
    <w:rsid w:val="00911781"/>
    <w:rsid w:val="00912546"/>
    <w:rsid w:val="0091386E"/>
    <w:rsid w:val="00914205"/>
    <w:rsid w:val="009146FF"/>
    <w:rsid w:val="009156E9"/>
    <w:rsid w:val="00915DB8"/>
    <w:rsid w:val="00916C80"/>
    <w:rsid w:val="00916D9B"/>
    <w:rsid w:val="009172B6"/>
    <w:rsid w:val="0091788E"/>
    <w:rsid w:val="0092018D"/>
    <w:rsid w:val="0092075D"/>
    <w:rsid w:val="00921445"/>
    <w:rsid w:val="00921F6E"/>
    <w:rsid w:val="009232A2"/>
    <w:rsid w:val="009233A6"/>
    <w:rsid w:val="00923FC2"/>
    <w:rsid w:val="00924018"/>
    <w:rsid w:val="00926230"/>
    <w:rsid w:val="00926C81"/>
    <w:rsid w:val="0092754B"/>
    <w:rsid w:val="009311F5"/>
    <w:rsid w:val="009319B8"/>
    <w:rsid w:val="00932B2C"/>
    <w:rsid w:val="00935F91"/>
    <w:rsid w:val="009401F0"/>
    <w:rsid w:val="00941154"/>
    <w:rsid w:val="00944085"/>
    <w:rsid w:val="009501C4"/>
    <w:rsid w:val="00950541"/>
    <w:rsid w:val="009508F4"/>
    <w:rsid w:val="00951BA6"/>
    <w:rsid w:val="00951EEA"/>
    <w:rsid w:val="0095394D"/>
    <w:rsid w:val="00954365"/>
    <w:rsid w:val="00954391"/>
    <w:rsid w:val="00955303"/>
    <w:rsid w:val="00955815"/>
    <w:rsid w:val="009558B1"/>
    <w:rsid w:val="00955961"/>
    <w:rsid w:val="00956058"/>
    <w:rsid w:val="009576EF"/>
    <w:rsid w:val="00957D50"/>
    <w:rsid w:val="00961475"/>
    <w:rsid w:val="00961BD1"/>
    <w:rsid w:val="00961E2E"/>
    <w:rsid w:val="0096250F"/>
    <w:rsid w:val="00963632"/>
    <w:rsid w:val="00964721"/>
    <w:rsid w:val="009649D4"/>
    <w:rsid w:val="0096508A"/>
    <w:rsid w:val="00965A23"/>
    <w:rsid w:val="00965BA3"/>
    <w:rsid w:val="0097046E"/>
    <w:rsid w:val="00970A41"/>
    <w:rsid w:val="009719AF"/>
    <w:rsid w:val="009734AC"/>
    <w:rsid w:val="00973DD9"/>
    <w:rsid w:val="00974582"/>
    <w:rsid w:val="009760B7"/>
    <w:rsid w:val="009804AC"/>
    <w:rsid w:val="00980598"/>
    <w:rsid w:val="00981CBB"/>
    <w:rsid w:val="009829DC"/>
    <w:rsid w:val="00982B26"/>
    <w:rsid w:val="00982EA3"/>
    <w:rsid w:val="00983ACA"/>
    <w:rsid w:val="00984127"/>
    <w:rsid w:val="00984490"/>
    <w:rsid w:val="00984B92"/>
    <w:rsid w:val="00986427"/>
    <w:rsid w:val="00986571"/>
    <w:rsid w:val="009876F7"/>
    <w:rsid w:val="00987BCB"/>
    <w:rsid w:val="0099097A"/>
    <w:rsid w:val="00991C9F"/>
    <w:rsid w:val="00992841"/>
    <w:rsid w:val="0099318B"/>
    <w:rsid w:val="00993CE2"/>
    <w:rsid w:val="00995BBA"/>
    <w:rsid w:val="00996128"/>
    <w:rsid w:val="00997B8B"/>
    <w:rsid w:val="00997FF8"/>
    <w:rsid w:val="009A0CD7"/>
    <w:rsid w:val="009A1185"/>
    <w:rsid w:val="009A12BB"/>
    <w:rsid w:val="009A1391"/>
    <w:rsid w:val="009A17C4"/>
    <w:rsid w:val="009A2C68"/>
    <w:rsid w:val="009A2FEF"/>
    <w:rsid w:val="009A4C1F"/>
    <w:rsid w:val="009A4F88"/>
    <w:rsid w:val="009A53BA"/>
    <w:rsid w:val="009A5AEE"/>
    <w:rsid w:val="009A5D86"/>
    <w:rsid w:val="009A636B"/>
    <w:rsid w:val="009A734E"/>
    <w:rsid w:val="009A7E43"/>
    <w:rsid w:val="009B0121"/>
    <w:rsid w:val="009B08EB"/>
    <w:rsid w:val="009B12D7"/>
    <w:rsid w:val="009B1AC6"/>
    <w:rsid w:val="009B2637"/>
    <w:rsid w:val="009B2F37"/>
    <w:rsid w:val="009B370C"/>
    <w:rsid w:val="009B3CEC"/>
    <w:rsid w:val="009B3CF2"/>
    <w:rsid w:val="009B43F4"/>
    <w:rsid w:val="009B5F32"/>
    <w:rsid w:val="009B75EE"/>
    <w:rsid w:val="009B7E67"/>
    <w:rsid w:val="009C1627"/>
    <w:rsid w:val="009C46F2"/>
    <w:rsid w:val="009C47AF"/>
    <w:rsid w:val="009C48E8"/>
    <w:rsid w:val="009C4C33"/>
    <w:rsid w:val="009C4E19"/>
    <w:rsid w:val="009C52AF"/>
    <w:rsid w:val="009C7CC0"/>
    <w:rsid w:val="009D004B"/>
    <w:rsid w:val="009D08B2"/>
    <w:rsid w:val="009D0E09"/>
    <w:rsid w:val="009D0F86"/>
    <w:rsid w:val="009D1CB3"/>
    <w:rsid w:val="009D2939"/>
    <w:rsid w:val="009D2A42"/>
    <w:rsid w:val="009D31BE"/>
    <w:rsid w:val="009D45AD"/>
    <w:rsid w:val="009D48DA"/>
    <w:rsid w:val="009E0397"/>
    <w:rsid w:val="009E1556"/>
    <w:rsid w:val="009E16E5"/>
    <w:rsid w:val="009E20BA"/>
    <w:rsid w:val="009E21FE"/>
    <w:rsid w:val="009E2391"/>
    <w:rsid w:val="009E472C"/>
    <w:rsid w:val="009E4745"/>
    <w:rsid w:val="009E47D8"/>
    <w:rsid w:val="009E4881"/>
    <w:rsid w:val="009E6497"/>
    <w:rsid w:val="009E6C33"/>
    <w:rsid w:val="009E7D27"/>
    <w:rsid w:val="009F01AE"/>
    <w:rsid w:val="009F054E"/>
    <w:rsid w:val="009F1D6A"/>
    <w:rsid w:val="009F23DF"/>
    <w:rsid w:val="009F28F3"/>
    <w:rsid w:val="009F2C6E"/>
    <w:rsid w:val="009F452D"/>
    <w:rsid w:val="009F4916"/>
    <w:rsid w:val="009F52B3"/>
    <w:rsid w:val="009F5D73"/>
    <w:rsid w:val="009F688F"/>
    <w:rsid w:val="009F762B"/>
    <w:rsid w:val="00A00CDE"/>
    <w:rsid w:val="00A01538"/>
    <w:rsid w:val="00A019A7"/>
    <w:rsid w:val="00A026EF"/>
    <w:rsid w:val="00A02917"/>
    <w:rsid w:val="00A03274"/>
    <w:rsid w:val="00A04BAE"/>
    <w:rsid w:val="00A0647C"/>
    <w:rsid w:val="00A06557"/>
    <w:rsid w:val="00A069CF"/>
    <w:rsid w:val="00A108CB"/>
    <w:rsid w:val="00A10E0A"/>
    <w:rsid w:val="00A11824"/>
    <w:rsid w:val="00A1189D"/>
    <w:rsid w:val="00A12002"/>
    <w:rsid w:val="00A13AB8"/>
    <w:rsid w:val="00A13C67"/>
    <w:rsid w:val="00A150A5"/>
    <w:rsid w:val="00A15151"/>
    <w:rsid w:val="00A1579B"/>
    <w:rsid w:val="00A159FD"/>
    <w:rsid w:val="00A15A3A"/>
    <w:rsid w:val="00A17754"/>
    <w:rsid w:val="00A177B0"/>
    <w:rsid w:val="00A203F0"/>
    <w:rsid w:val="00A204B6"/>
    <w:rsid w:val="00A20EDD"/>
    <w:rsid w:val="00A21A2E"/>
    <w:rsid w:val="00A22053"/>
    <w:rsid w:val="00A22107"/>
    <w:rsid w:val="00A23D4B"/>
    <w:rsid w:val="00A247B1"/>
    <w:rsid w:val="00A24877"/>
    <w:rsid w:val="00A254F9"/>
    <w:rsid w:val="00A2567F"/>
    <w:rsid w:val="00A25D3A"/>
    <w:rsid w:val="00A25F81"/>
    <w:rsid w:val="00A3045B"/>
    <w:rsid w:val="00A32039"/>
    <w:rsid w:val="00A3243C"/>
    <w:rsid w:val="00A33543"/>
    <w:rsid w:val="00A33613"/>
    <w:rsid w:val="00A34EBB"/>
    <w:rsid w:val="00A35F58"/>
    <w:rsid w:val="00A36400"/>
    <w:rsid w:val="00A36898"/>
    <w:rsid w:val="00A36A6B"/>
    <w:rsid w:val="00A40324"/>
    <w:rsid w:val="00A40C79"/>
    <w:rsid w:val="00A42090"/>
    <w:rsid w:val="00A438EC"/>
    <w:rsid w:val="00A4497E"/>
    <w:rsid w:val="00A45AC2"/>
    <w:rsid w:val="00A45B97"/>
    <w:rsid w:val="00A46157"/>
    <w:rsid w:val="00A46A4B"/>
    <w:rsid w:val="00A46C48"/>
    <w:rsid w:val="00A503BC"/>
    <w:rsid w:val="00A51735"/>
    <w:rsid w:val="00A51F48"/>
    <w:rsid w:val="00A53127"/>
    <w:rsid w:val="00A55655"/>
    <w:rsid w:val="00A563FA"/>
    <w:rsid w:val="00A56A07"/>
    <w:rsid w:val="00A571F5"/>
    <w:rsid w:val="00A6069B"/>
    <w:rsid w:val="00A61154"/>
    <w:rsid w:val="00A61FA9"/>
    <w:rsid w:val="00A634B6"/>
    <w:rsid w:val="00A63AB6"/>
    <w:rsid w:val="00A65739"/>
    <w:rsid w:val="00A65DA0"/>
    <w:rsid w:val="00A6697B"/>
    <w:rsid w:val="00A67370"/>
    <w:rsid w:val="00A67C28"/>
    <w:rsid w:val="00A7155B"/>
    <w:rsid w:val="00A73340"/>
    <w:rsid w:val="00A73799"/>
    <w:rsid w:val="00A73D70"/>
    <w:rsid w:val="00A778F8"/>
    <w:rsid w:val="00A77D47"/>
    <w:rsid w:val="00A81579"/>
    <w:rsid w:val="00A824B5"/>
    <w:rsid w:val="00A82D0F"/>
    <w:rsid w:val="00A837FF"/>
    <w:rsid w:val="00A84558"/>
    <w:rsid w:val="00A8523C"/>
    <w:rsid w:val="00A87987"/>
    <w:rsid w:val="00A87D3D"/>
    <w:rsid w:val="00A87F37"/>
    <w:rsid w:val="00A87F81"/>
    <w:rsid w:val="00A91797"/>
    <w:rsid w:val="00A92A25"/>
    <w:rsid w:val="00A92FF6"/>
    <w:rsid w:val="00A93166"/>
    <w:rsid w:val="00A93CC7"/>
    <w:rsid w:val="00A959FE"/>
    <w:rsid w:val="00A96022"/>
    <w:rsid w:val="00A9774B"/>
    <w:rsid w:val="00A97774"/>
    <w:rsid w:val="00AA0441"/>
    <w:rsid w:val="00AA0496"/>
    <w:rsid w:val="00AA0821"/>
    <w:rsid w:val="00AA16E2"/>
    <w:rsid w:val="00AA22DD"/>
    <w:rsid w:val="00AA2B45"/>
    <w:rsid w:val="00AA3592"/>
    <w:rsid w:val="00AA4425"/>
    <w:rsid w:val="00AA446D"/>
    <w:rsid w:val="00AA64F6"/>
    <w:rsid w:val="00AA6977"/>
    <w:rsid w:val="00AA7F1C"/>
    <w:rsid w:val="00AB15EC"/>
    <w:rsid w:val="00AB1920"/>
    <w:rsid w:val="00AB1F3A"/>
    <w:rsid w:val="00AB292E"/>
    <w:rsid w:val="00AB3464"/>
    <w:rsid w:val="00AB6252"/>
    <w:rsid w:val="00AB743B"/>
    <w:rsid w:val="00AC05BD"/>
    <w:rsid w:val="00AC11FF"/>
    <w:rsid w:val="00AC3EC2"/>
    <w:rsid w:val="00AC40DF"/>
    <w:rsid w:val="00AC5711"/>
    <w:rsid w:val="00AC5950"/>
    <w:rsid w:val="00AC5B76"/>
    <w:rsid w:val="00AC7303"/>
    <w:rsid w:val="00AC7A30"/>
    <w:rsid w:val="00AD0BE6"/>
    <w:rsid w:val="00AD1CFF"/>
    <w:rsid w:val="00AD2EE9"/>
    <w:rsid w:val="00AD304D"/>
    <w:rsid w:val="00AD3DAE"/>
    <w:rsid w:val="00AD3E14"/>
    <w:rsid w:val="00AD4CF4"/>
    <w:rsid w:val="00AD5488"/>
    <w:rsid w:val="00AD5BB6"/>
    <w:rsid w:val="00AD6820"/>
    <w:rsid w:val="00AD6BDF"/>
    <w:rsid w:val="00AD6C15"/>
    <w:rsid w:val="00AD6D7C"/>
    <w:rsid w:val="00AD6DE8"/>
    <w:rsid w:val="00AD722B"/>
    <w:rsid w:val="00AD7918"/>
    <w:rsid w:val="00AE10C7"/>
    <w:rsid w:val="00AE1115"/>
    <w:rsid w:val="00AE200E"/>
    <w:rsid w:val="00AE2B9E"/>
    <w:rsid w:val="00AE40E7"/>
    <w:rsid w:val="00AE44FB"/>
    <w:rsid w:val="00AE55A2"/>
    <w:rsid w:val="00AE66E3"/>
    <w:rsid w:val="00AE6FAB"/>
    <w:rsid w:val="00AF0C81"/>
    <w:rsid w:val="00AF110B"/>
    <w:rsid w:val="00AF12DD"/>
    <w:rsid w:val="00AF1699"/>
    <w:rsid w:val="00AF4305"/>
    <w:rsid w:val="00AF4E07"/>
    <w:rsid w:val="00AF4FD1"/>
    <w:rsid w:val="00AF500A"/>
    <w:rsid w:val="00B005B9"/>
    <w:rsid w:val="00B0181A"/>
    <w:rsid w:val="00B022BF"/>
    <w:rsid w:val="00B02DC6"/>
    <w:rsid w:val="00B04008"/>
    <w:rsid w:val="00B0525A"/>
    <w:rsid w:val="00B054D3"/>
    <w:rsid w:val="00B05B9C"/>
    <w:rsid w:val="00B0769E"/>
    <w:rsid w:val="00B10903"/>
    <w:rsid w:val="00B10940"/>
    <w:rsid w:val="00B1134C"/>
    <w:rsid w:val="00B11CC6"/>
    <w:rsid w:val="00B13E40"/>
    <w:rsid w:val="00B1414C"/>
    <w:rsid w:val="00B1441B"/>
    <w:rsid w:val="00B15799"/>
    <w:rsid w:val="00B160F7"/>
    <w:rsid w:val="00B16404"/>
    <w:rsid w:val="00B17355"/>
    <w:rsid w:val="00B176D2"/>
    <w:rsid w:val="00B21342"/>
    <w:rsid w:val="00B2138C"/>
    <w:rsid w:val="00B21569"/>
    <w:rsid w:val="00B2299B"/>
    <w:rsid w:val="00B2315F"/>
    <w:rsid w:val="00B25584"/>
    <w:rsid w:val="00B26510"/>
    <w:rsid w:val="00B272B6"/>
    <w:rsid w:val="00B27F54"/>
    <w:rsid w:val="00B31763"/>
    <w:rsid w:val="00B31C61"/>
    <w:rsid w:val="00B32311"/>
    <w:rsid w:val="00B328B0"/>
    <w:rsid w:val="00B333D8"/>
    <w:rsid w:val="00B33B9D"/>
    <w:rsid w:val="00B3449F"/>
    <w:rsid w:val="00B3469C"/>
    <w:rsid w:val="00B356ED"/>
    <w:rsid w:val="00B3591F"/>
    <w:rsid w:val="00B35A1B"/>
    <w:rsid w:val="00B362C1"/>
    <w:rsid w:val="00B36856"/>
    <w:rsid w:val="00B37E80"/>
    <w:rsid w:val="00B40041"/>
    <w:rsid w:val="00B40076"/>
    <w:rsid w:val="00B42B29"/>
    <w:rsid w:val="00B43629"/>
    <w:rsid w:val="00B46CF6"/>
    <w:rsid w:val="00B46FFF"/>
    <w:rsid w:val="00B47307"/>
    <w:rsid w:val="00B51170"/>
    <w:rsid w:val="00B512A1"/>
    <w:rsid w:val="00B51455"/>
    <w:rsid w:val="00B52E91"/>
    <w:rsid w:val="00B53B57"/>
    <w:rsid w:val="00B53BD4"/>
    <w:rsid w:val="00B547F6"/>
    <w:rsid w:val="00B55910"/>
    <w:rsid w:val="00B6082E"/>
    <w:rsid w:val="00B60850"/>
    <w:rsid w:val="00B60BBA"/>
    <w:rsid w:val="00B60BE4"/>
    <w:rsid w:val="00B61880"/>
    <w:rsid w:val="00B63A1A"/>
    <w:rsid w:val="00B63B87"/>
    <w:rsid w:val="00B63E67"/>
    <w:rsid w:val="00B63F59"/>
    <w:rsid w:val="00B652F5"/>
    <w:rsid w:val="00B657C4"/>
    <w:rsid w:val="00B65880"/>
    <w:rsid w:val="00B66AD7"/>
    <w:rsid w:val="00B66BF1"/>
    <w:rsid w:val="00B7097B"/>
    <w:rsid w:val="00B72813"/>
    <w:rsid w:val="00B73D65"/>
    <w:rsid w:val="00B741D3"/>
    <w:rsid w:val="00B74398"/>
    <w:rsid w:val="00B76891"/>
    <w:rsid w:val="00B8097D"/>
    <w:rsid w:val="00B80CB0"/>
    <w:rsid w:val="00B814A3"/>
    <w:rsid w:val="00B824E7"/>
    <w:rsid w:val="00B8362D"/>
    <w:rsid w:val="00B83E96"/>
    <w:rsid w:val="00B84162"/>
    <w:rsid w:val="00B8425D"/>
    <w:rsid w:val="00B86078"/>
    <w:rsid w:val="00B86459"/>
    <w:rsid w:val="00B86CA9"/>
    <w:rsid w:val="00B87C8B"/>
    <w:rsid w:val="00B90422"/>
    <w:rsid w:val="00B90460"/>
    <w:rsid w:val="00B90612"/>
    <w:rsid w:val="00B921C4"/>
    <w:rsid w:val="00B9339D"/>
    <w:rsid w:val="00B9375E"/>
    <w:rsid w:val="00B978E8"/>
    <w:rsid w:val="00BA0666"/>
    <w:rsid w:val="00BA0A15"/>
    <w:rsid w:val="00BA0A81"/>
    <w:rsid w:val="00BA18E6"/>
    <w:rsid w:val="00BA1AC3"/>
    <w:rsid w:val="00BA1F02"/>
    <w:rsid w:val="00BA21F4"/>
    <w:rsid w:val="00BA2AED"/>
    <w:rsid w:val="00BA3C3C"/>
    <w:rsid w:val="00BA4B99"/>
    <w:rsid w:val="00BA4D73"/>
    <w:rsid w:val="00BA5D08"/>
    <w:rsid w:val="00BA62E6"/>
    <w:rsid w:val="00BA6A5A"/>
    <w:rsid w:val="00BA6ECF"/>
    <w:rsid w:val="00BB0EF3"/>
    <w:rsid w:val="00BB0F2A"/>
    <w:rsid w:val="00BB166B"/>
    <w:rsid w:val="00BB261D"/>
    <w:rsid w:val="00BB2BFA"/>
    <w:rsid w:val="00BB3C9B"/>
    <w:rsid w:val="00BB3E8D"/>
    <w:rsid w:val="00BB4531"/>
    <w:rsid w:val="00BB47AE"/>
    <w:rsid w:val="00BB5BF2"/>
    <w:rsid w:val="00BB5DA7"/>
    <w:rsid w:val="00BB6CB9"/>
    <w:rsid w:val="00BC14EE"/>
    <w:rsid w:val="00BC2071"/>
    <w:rsid w:val="00BC2AD0"/>
    <w:rsid w:val="00BC35D6"/>
    <w:rsid w:val="00BC4B40"/>
    <w:rsid w:val="00BC4B55"/>
    <w:rsid w:val="00BC5307"/>
    <w:rsid w:val="00BC5D99"/>
    <w:rsid w:val="00BC5FFF"/>
    <w:rsid w:val="00BC6674"/>
    <w:rsid w:val="00BD1927"/>
    <w:rsid w:val="00BD221F"/>
    <w:rsid w:val="00BD2735"/>
    <w:rsid w:val="00BD281D"/>
    <w:rsid w:val="00BD2A7D"/>
    <w:rsid w:val="00BD30CF"/>
    <w:rsid w:val="00BD395C"/>
    <w:rsid w:val="00BD6C2D"/>
    <w:rsid w:val="00BE06C6"/>
    <w:rsid w:val="00BE2AE8"/>
    <w:rsid w:val="00BE2F16"/>
    <w:rsid w:val="00BE6FE6"/>
    <w:rsid w:val="00BF1701"/>
    <w:rsid w:val="00BF371F"/>
    <w:rsid w:val="00BF4095"/>
    <w:rsid w:val="00BF4363"/>
    <w:rsid w:val="00BF46BE"/>
    <w:rsid w:val="00BF4A0E"/>
    <w:rsid w:val="00BF4E56"/>
    <w:rsid w:val="00C0294F"/>
    <w:rsid w:val="00C02D7B"/>
    <w:rsid w:val="00C0319B"/>
    <w:rsid w:val="00C0354B"/>
    <w:rsid w:val="00C0413B"/>
    <w:rsid w:val="00C04F84"/>
    <w:rsid w:val="00C04FB0"/>
    <w:rsid w:val="00C05183"/>
    <w:rsid w:val="00C059A1"/>
    <w:rsid w:val="00C05ACA"/>
    <w:rsid w:val="00C06024"/>
    <w:rsid w:val="00C061F2"/>
    <w:rsid w:val="00C065B9"/>
    <w:rsid w:val="00C06E31"/>
    <w:rsid w:val="00C0753B"/>
    <w:rsid w:val="00C103F7"/>
    <w:rsid w:val="00C109F2"/>
    <w:rsid w:val="00C1182E"/>
    <w:rsid w:val="00C12E46"/>
    <w:rsid w:val="00C12EDD"/>
    <w:rsid w:val="00C1378D"/>
    <w:rsid w:val="00C1414C"/>
    <w:rsid w:val="00C14FCA"/>
    <w:rsid w:val="00C17612"/>
    <w:rsid w:val="00C17F5B"/>
    <w:rsid w:val="00C20994"/>
    <w:rsid w:val="00C20FA5"/>
    <w:rsid w:val="00C21187"/>
    <w:rsid w:val="00C214C6"/>
    <w:rsid w:val="00C21F5F"/>
    <w:rsid w:val="00C246C4"/>
    <w:rsid w:val="00C2486D"/>
    <w:rsid w:val="00C24CE5"/>
    <w:rsid w:val="00C25413"/>
    <w:rsid w:val="00C257A4"/>
    <w:rsid w:val="00C267C1"/>
    <w:rsid w:val="00C26EE1"/>
    <w:rsid w:val="00C30111"/>
    <w:rsid w:val="00C30615"/>
    <w:rsid w:val="00C31734"/>
    <w:rsid w:val="00C317BD"/>
    <w:rsid w:val="00C319EF"/>
    <w:rsid w:val="00C3216D"/>
    <w:rsid w:val="00C3219F"/>
    <w:rsid w:val="00C32258"/>
    <w:rsid w:val="00C33009"/>
    <w:rsid w:val="00C3319A"/>
    <w:rsid w:val="00C33A3C"/>
    <w:rsid w:val="00C34014"/>
    <w:rsid w:val="00C35802"/>
    <w:rsid w:val="00C35DC6"/>
    <w:rsid w:val="00C37708"/>
    <w:rsid w:val="00C3796F"/>
    <w:rsid w:val="00C407AB"/>
    <w:rsid w:val="00C428AF"/>
    <w:rsid w:val="00C43505"/>
    <w:rsid w:val="00C45589"/>
    <w:rsid w:val="00C459CF"/>
    <w:rsid w:val="00C4622F"/>
    <w:rsid w:val="00C46571"/>
    <w:rsid w:val="00C47041"/>
    <w:rsid w:val="00C47ACF"/>
    <w:rsid w:val="00C47F42"/>
    <w:rsid w:val="00C508E4"/>
    <w:rsid w:val="00C51340"/>
    <w:rsid w:val="00C51375"/>
    <w:rsid w:val="00C51FBC"/>
    <w:rsid w:val="00C53508"/>
    <w:rsid w:val="00C540F9"/>
    <w:rsid w:val="00C542D5"/>
    <w:rsid w:val="00C55249"/>
    <w:rsid w:val="00C55C58"/>
    <w:rsid w:val="00C5699B"/>
    <w:rsid w:val="00C56C79"/>
    <w:rsid w:val="00C57FB8"/>
    <w:rsid w:val="00C61767"/>
    <w:rsid w:val="00C61B02"/>
    <w:rsid w:val="00C6489E"/>
    <w:rsid w:val="00C64DD2"/>
    <w:rsid w:val="00C64EFD"/>
    <w:rsid w:val="00C655F6"/>
    <w:rsid w:val="00C65728"/>
    <w:rsid w:val="00C65BBB"/>
    <w:rsid w:val="00C668AC"/>
    <w:rsid w:val="00C671F1"/>
    <w:rsid w:val="00C67AD3"/>
    <w:rsid w:val="00C70237"/>
    <w:rsid w:val="00C70A09"/>
    <w:rsid w:val="00C71077"/>
    <w:rsid w:val="00C739D9"/>
    <w:rsid w:val="00C75256"/>
    <w:rsid w:val="00C75A6A"/>
    <w:rsid w:val="00C75DA3"/>
    <w:rsid w:val="00C76749"/>
    <w:rsid w:val="00C7752A"/>
    <w:rsid w:val="00C775E2"/>
    <w:rsid w:val="00C80AB1"/>
    <w:rsid w:val="00C812EF"/>
    <w:rsid w:val="00C8152F"/>
    <w:rsid w:val="00C81611"/>
    <w:rsid w:val="00C81845"/>
    <w:rsid w:val="00C82087"/>
    <w:rsid w:val="00C85ED7"/>
    <w:rsid w:val="00C8644E"/>
    <w:rsid w:val="00C90B74"/>
    <w:rsid w:val="00C9305D"/>
    <w:rsid w:val="00C94842"/>
    <w:rsid w:val="00C97A8C"/>
    <w:rsid w:val="00CA0603"/>
    <w:rsid w:val="00CA2861"/>
    <w:rsid w:val="00CA5212"/>
    <w:rsid w:val="00CA5265"/>
    <w:rsid w:val="00CA5440"/>
    <w:rsid w:val="00CA5640"/>
    <w:rsid w:val="00CB07F3"/>
    <w:rsid w:val="00CB12BD"/>
    <w:rsid w:val="00CB19CE"/>
    <w:rsid w:val="00CB3036"/>
    <w:rsid w:val="00CB350C"/>
    <w:rsid w:val="00CB3DD3"/>
    <w:rsid w:val="00CB441C"/>
    <w:rsid w:val="00CB5021"/>
    <w:rsid w:val="00CB596B"/>
    <w:rsid w:val="00CB610F"/>
    <w:rsid w:val="00CB7D5B"/>
    <w:rsid w:val="00CB7E81"/>
    <w:rsid w:val="00CC0529"/>
    <w:rsid w:val="00CC16A5"/>
    <w:rsid w:val="00CC1D5B"/>
    <w:rsid w:val="00CC3989"/>
    <w:rsid w:val="00CC3AF8"/>
    <w:rsid w:val="00CC4DB0"/>
    <w:rsid w:val="00CC60B9"/>
    <w:rsid w:val="00CC6BB2"/>
    <w:rsid w:val="00CC7498"/>
    <w:rsid w:val="00CC75E3"/>
    <w:rsid w:val="00CC763D"/>
    <w:rsid w:val="00CC77C7"/>
    <w:rsid w:val="00CD0235"/>
    <w:rsid w:val="00CD21A9"/>
    <w:rsid w:val="00CD30F9"/>
    <w:rsid w:val="00CD32D2"/>
    <w:rsid w:val="00CD57D7"/>
    <w:rsid w:val="00CD7389"/>
    <w:rsid w:val="00CD7ABD"/>
    <w:rsid w:val="00CE0089"/>
    <w:rsid w:val="00CE073D"/>
    <w:rsid w:val="00CE3AB9"/>
    <w:rsid w:val="00CE5663"/>
    <w:rsid w:val="00CE7BC3"/>
    <w:rsid w:val="00CF17AE"/>
    <w:rsid w:val="00CF3153"/>
    <w:rsid w:val="00CF3878"/>
    <w:rsid w:val="00CF42B5"/>
    <w:rsid w:val="00CF4D7A"/>
    <w:rsid w:val="00CF57AC"/>
    <w:rsid w:val="00CF5ECD"/>
    <w:rsid w:val="00CF6839"/>
    <w:rsid w:val="00CF6F64"/>
    <w:rsid w:val="00CF7439"/>
    <w:rsid w:val="00D000BA"/>
    <w:rsid w:val="00D00EB8"/>
    <w:rsid w:val="00D01E14"/>
    <w:rsid w:val="00D0263E"/>
    <w:rsid w:val="00D02736"/>
    <w:rsid w:val="00D0318E"/>
    <w:rsid w:val="00D04E70"/>
    <w:rsid w:val="00D0749A"/>
    <w:rsid w:val="00D07E0B"/>
    <w:rsid w:val="00D10047"/>
    <w:rsid w:val="00D102E7"/>
    <w:rsid w:val="00D1135A"/>
    <w:rsid w:val="00D14770"/>
    <w:rsid w:val="00D15930"/>
    <w:rsid w:val="00D16449"/>
    <w:rsid w:val="00D200C7"/>
    <w:rsid w:val="00D21139"/>
    <w:rsid w:val="00D2122D"/>
    <w:rsid w:val="00D2212F"/>
    <w:rsid w:val="00D22865"/>
    <w:rsid w:val="00D232DF"/>
    <w:rsid w:val="00D2375B"/>
    <w:rsid w:val="00D241E8"/>
    <w:rsid w:val="00D26B77"/>
    <w:rsid w:val="00D26EA4"/>
    <w:rsid w:val="00D273EC"/>
    <w:rsid w:val="00D279B6"/>
    <w:rsid w:val="00D27A60"/>
    <w:rsid w:val="00D27F75"/>
    <w:rsid w:val="00D30026"/>
    <w:rsid w:val="00D301B1"/>
    <w:rsid w:val="00D30753"/>
    <w:rsid w:val="00D31A5D"/>
    <w:rsid w:val="00D324AF"/>
    <w:rsid w:val="00D32DD2"/>
    <w:rsid w:val="00D32F10"/>
    <w:rsid w:val="00D34146"/>
    <w:rsid w:val="00D34260"/>
    <w:rsid w:val="00D344E0"/>
    <w:rsid w:val="00D34C50"/>
    <w:rsid w:val="00D363E0"/>
    <w:rsid w:val="00D37796"/>
    <w:rsid w:val="00D42009"/>
    <w:rsid w:val="00D4270E"/>
    <w:rsid w:val="00D433E7"/>
    <w:rsid w:val="00D43803"/>
    <w:rsid w:val="00D4442A"/>
    <w:rsid w:val="00D44BDE"/>
    <w:rsid w:val="00D45323"/>
    <w:rsid w:val="00D45713"/>
    <w:rsid w:val="00D45D60"/>
    <w:rsid w:val="00D45EB7"/>
    <w:rsid w:val="00D470E0"/>
    <w:rsid w:val="00D476A5"/>
    <w:rsid w:val="00D4779C"/>
    <w:rsid w:val="00D511B2"/>
    <w:rsid w:val="00D512AE"/>
    <w:rsid w:val="00D5274B"/>
    <w:rsid w:val="00D53ABB"/>
    <w:rsid w:val="00D53C19"/>
    <w:rsid w:val="00D53DD0"/>
    <w:rsid w:val="00D56590"/>
    <w:rsid w:val="00D62020"/>
    <w:rsid w:val="00D6223C"/>
    <w:rsid w:val="00D62727"/>
    <w:rsid w:val="00D630C1"/>
    <w:rsid w:val="00D63841"/>
    <w:rsid w:val="00D64C2D"/>
    <w:rsid w:val="00D65521"/>
    <w:rsid w:val="00D6576F"/>
    <w:rsid w:val="00D65A66"/>
    <w:rsid w:val="00D704C3"/>
    <w:rsid w:val="00D70C51"/>
    <w:rsid w:val="00D72630"/>
    <w:rsid w:val="00D726F6"/>
    <w:rsid w:val="00D7278F"/>
    <w:rsid w:val="00D73136"/>
    <w:rsid w:val="00D7315E"/>
    <w:rsid w:val="00D73729"/>
    <w:rsid w:val="00D73E90"/>
    <w:rsid w:val="00D74F49"/>
    <w:rsid w:val="00D751A7"/>
    <w:rsid w:val="00D77606"/>
    <w:rsid w:val="00D808BB"/>
    <w:rsid w:val="00D80B26"/>
    <w:rsid w:val="00D80B30"/>
    <w:rsid w:val="00D80E75"/>
    <w:rsid w:val="00D81FCD"/>
    <w:rsid w:val="00D8229D"/>
    <w:rsid w:val="00D83515"/>
    <w:rsid w:val="00D85DA9"/>
    <w:rsid w:val="00D860C3"/>
    <w:rsid w:val="00D86359"/>
    <w:rsid w:val="00D86B2D"/>
    <w:rsid w:val="00D86E26"/>
    <w:rsid w:val="00D87D93"/>
    <w:rsid w:val="00D90B28"/>
    <w:rsid w:val="00D914D6"/>
    <w:rsid w:val="00D9179F"/>
    <w:rsid w:val="00D92535"/>
    <w:rsid w:val="00D93454"/>
    <w:rsid w:val="00D93E2B"/>
    <w:rsid w:val="00D95776"/>
    <w:rsid w:val="00D9742A"/>
    <w:rsid w:val="00D974AD"/>
    <w:rsid w:val="00DA0233"/>
    <w:rsid w:val="00DA0F8A"/>
    <w:rsid w:val="00DA184B"/>
    <w:rsid w:val="00DA1ED8"/>
    <w:rsid w:val="00DA36C7"/>
    <w:rsid w:val="00DA3843"/>
    <w:rsid w:val="00DA3CAC"/>
    <w:rsid w:val="00DA42A5"/>
    <w:rsid w:val="00DA5178"/>
    <w:rsid w:val="00DA6136"/>
    <w:rsid w:val="00DA6300"/>
    <w:rsid w:val="00DA6719"/>
    <w:rsid w:val="00DA6864"/>
    <w:rsid w:val="00DB1AB1"/>
    <w:rsid w:val="00DB2320"/>
    <w:rsid w:val="00DB2585"/>
    <w:rsid w:val="00DB2733"/>
    <w:rsid w:val="00DB2CE9"/>
    <w:rsid w:val="00DB4C31"/>
    <w:rsid w:val="00DB4D3C"/>
    <w:rsid w:val="00DB5273"/>
    <w:rsid w:val="00DB5571"/>
    <w:rsid w:val="00DB5738"/>
    <w:rsid w:val="00DB5B0A"/>
    <w:rsid w:val="00DB5F4B"/>
    <w:rsid w:val="00DB75B2"/>
    <w:rsid w:val="00DB7962"/>
    <w:rsid w:val="00DC26FC"/>
    <w:rsid w:val="00DC42CC"/>
    <w:rsid w:val="00DC4311"/>
    <w:rsid w:val="00DC458E"/>
    <w:rsid w:val="00DC5107"/>
    <w:rsid w:val="00DC742B"/>
    <w:rsid w:val="00DC7C08"/>
    <w:rsid w:val="00DC7F25"/>
    <w:rsid w:val="00DD0821"/>
    <w:rsid w:val="00DD091E"/>
    <w:rsid w:val="00DD0E1B"/>
    <w:rsid w:val="00DD129F"/>
    <w:rsid w:val="00DD1C83"/>
    <w:rsid w:val="00DD23B1"/>
    <w:rsid w:val="00DD2918"/>
    <w:rsid w:val="00DD423A"/>
    <w:rsid w:val="00DD555E"/>
    <w:rsid w:val="00DD57AE"/>
    <w:rsid w:val="00DD6B64"/>
    <w:rsid w:val="00DD726C"/>
    <w:rsid w:val="00DD76EA"/>
    <w:rsid w:val="00DE0C79"/>
    <w:rsid w:val="00DE1136"/>
    <w:rsid w:val="00DE31AE"/>
    <w:rsid w:val="00DE421E"/>
    <w:rsid w:val="00DE6383"/>
    <w:rsid w:val="00DE69FA"/>
    <w:rsid w:val="00DE745A"/>
    <w:rsid w:val="00DF006F"/>
    <w:rsid w:val="00DF146A"/>
    <w:rsid w:val="00DF1613"/>
    <w:rsid w:val="00DF19ED"/>
    <w:rsid w:val="00DF32F9"/>
    <w:rsid w:val="00DF38DE"/>
    <w:rsid w:val="00DF4E78"/>
    <w:rsid w:val="00DF55B3"/>
    <w:rsid w:val="00DF5A29"/>
    <w:rsid w:val="00DF6B97"/>
    <w:rsid w:val="00DF7883"/>
    <w:rsid w:val="00E006CC"/>
    <w:rsid w:val="00E01A7D"/>
    <w:rsid w:val="00E02A16"/>
    <w:rsid w:val="00E0303E"/>
    <w:rsid w:val="00E03198"/>
    <w:rsid w:val="00E0345C"/>
    <w:rsid w:val="00E0357B"/>
    <w:rsid w:val="00E037F5"/>
    <w:rsid w:val="00E04967"/>
    <w:rsid w:val="00E06989"/>
    <w:rsid w:val="00E073F4"/>
    <w:rsid w:val="00E07437"/>
    <w:rsid w:val="00E1042D"/>
    <w:rsid w:val="00E10F9D"/>
    <w:rsid w:val="00E14FDD"/>
    <w:rsid w:val="00E15387"/>
    <w:rsid w:val="00E157C9"/>
    <w:rsid w:val="00E173EC"/>
    <w:rsid w:val="00E176F1"/>
    <w:rsid w:val="00E17785"/>
    <w:rsid w:val="00E216A6"/>
    <w:rsid w:val="00E2213F"/>
    <w:rsid w:val="00E22165"/>
    <w:rsid w:val="00E23446"/>
    <w:rsid w:val="00E24B12"/>
    <w:rsid w:val="00E25743"/>
    <w:rsid w:val="00E257FE"/>
    <w:rsid w:val="00E26CE7"/>
    <w:rsid w:val="00E26D2F"/>
    <w:rsid w:val="00E27D9F"/>
    <w:rsid w:val="00E305BC"/>
    <w:rsid w:val="00E30B78"/>
    <w:rsid w:val="00E31651"/>
    <w:rsid w:val="00E31794"/>
    <w:rsid w:val="00E31900"/>
    <w:rsid w:val="00E319C4"/>
    <w:rsid w:val="00E321F6"/>
    <w:rsid w:val="00E32214"/>
    <w:rsid w:val="00E33676"/>
    <w:rsid w:val="00E3375B"/>
    <w:rsid w:val="00E33949"/>
    <w:rsid w:val="00E3483B"/>
    <w:rsid w:val="00E3564A"/>
    <w:rsid w:val="00E361F5"/>
    <w:rsid w:val="00E36993"/>
    <w:rsid w:val="00E37749"/>
    <w:rsid w:val="00E4254F"/>
    <w:rsid w:val="00E427E9"/>
    <w:rsid w:val="00E42D96"/>
    <w:rsid w:val="00E42DD6"/>
    <w:rsid w:val="00E45D30"/>
    <w:rsid w:val="00E536B8"/>
    <w:rsid w:val="00E53BE8"/>
    <w:rsid w:val="00E53EED"/>
    <w:rsid w:val="00E54B50"/>
    <w:rsid w:val="00E55C92"/>
    <w:rsid w:val="00E56366"/>
    <w:rsid w:val="00E56605"/>
    <w:rsid w:val="00E5660C"/>
    <w:rsid w:val="00E56F5E"/>
    <w:rsid w:val="00E57C1B"/>
    <w:rsid w:val="00E630E7"/>
    <w:rsid w:val="00E6336F"/>
    <w:rsid w:val="00E63D96"/>
    <w:rsid w:val="00E63ED2"/>
    <w:rsid w:val="00E63F07"/>
    <w:rsid w:val="00E65914"/>
    <w:rsid w:val="00E65BAD"/>
    <w:rsid w:val="00E66517"/>
    <w:rsid w:val="00E66FD7"/>
    <w:rsid w:val="00E67AFD"/>
    <w:rsid w:val="00E67FC1"/>
    <w:rsid w:val="00E7040F"/>
    <w:rsid w:val="00E70B30"/>
    <w:rsid w:val="00E71EFD"/>
    <w:rsid w:val="00E732CC"/>
    <w:rsid w:val="00E73520"/>
    <w:rsid w:val="00E73EB2"/>
    <w:rsid w:val="00E75817"/>
    <w:rsid w:val="00E773D8"/>
    <w:rsid w:val="00E77A1E"/>
    <w:rsid w:val="00E813FC"/>
    <w:rsid w:val="00E820C9"/>
    <w:rsid w:val="00E8664D"/>
    <w:rsid w:val="00E872CC"/>
    <w:rsid w:val="00E8749A"/>
    <w:rsid w:val="00E90990"/>
    <w:rsid w:val="00E9105B"/>
    <w:rsid w:val="00E9259D"/>
    <w:rsid w:val="00E93806"/>
    <w:rsid w:val="00E94564"/>
    <w:rsid w:val="00E94628"/>
    <w:rsid w:val="00E96719"/>
    <w:rsid w:val="00E96C3B"/>
    <w:rsid w:val="00E9756A"/>
    <w:rsid w:val="00EA10F9"/>
    <w:rsid w:val="00EA2611"/>
    <w:rsid w:val="00EA39CB"/>
    <w:rsid w:val="00EA4472"/>
    <w:rsid w:val="00EA5838"/>
    <w:rsid w:val="00EA5CF4"/>
    <w:rsid w:val="00EA649B"/>
    <w:rsid w:val="00EA67CE"/>
    <w:rsid w:val="00EA6838"/>
    <w:rsid w:val="00EA6A5F"/>
    <w:rsid w:val="00EA739C"/>
    <w:rsid w:val="00EA7964"/>
    <w:rsid w:val="00EB2D24"/>
    <w:rsid w:val="00EB34C9"/>
    <w:rsid w:val="00EB3707"/>
    <w:rsid w:val="00EB3FFB"/>
    <w:rsid w:val="00EB4426"/>
    <w:rsid w:val="00EB4AF3"/>
    <w:rsid w:val="00EB55CB"/>
    <w:rsid w:val="00EB610F"/>
    <w:rsid w:val="00EB7A79"/>
    <w:rsid w:val="00EC03DA"/>
    <w:rsid w:val="00EC0435"/>
    <w:rsid w:val="00EC0BE0"/>
    <w:rsid w:val="00EC0F97"/>
    <w:rsid w:val="00EC1F06"/>
    <w:rsid w:val="00EC20D6"/>
    <w:rsid w:val="00EC2A49"/>
    <w:rsid w:val="00EC3652"/>
    <w:rsid w:val="00EC3D52"/>
    <w:rsid w:val="00EC5F5E"/>
    <w:rsid w:val="00EC624C"/>
    <w:rsid w:val="00EC629F"/>
    <w:rsid w:val="00EC69F7"/>
    <w:rsid w:val="00EC6DE7"/>
    <w:rsid w:val="00ED0728"/>
    <w:rsid w:val="00ED1863"/>
    <w:rsid w:val="00ED18F8"/>
    <w:rsid w:val="00ED1921"/>
    <w:rsid w:val="00ED20FF"/>
    <w:rsid w:val="00ED2594"/>
    <w:rsid w:val="00ED335E"/>
    <w:rsid w:val="00ED498F"/>
    <w:rsid w:val="00ED5E85"/>
    <w:rsid w:val="00ED6B85"/>
    <w:rsid w:val="00ED6BB0"/>
    <w:rsid w:val="00ED738D"/>
    <w:rsid w:val="00EE02C7"/>
    <w:rsid w:val="00EE0F1C"/>
    <w:rsid w:val="00EE1F0C"/>
    <w:rsid w:val="00EE217A"/>
    <w:rsid w:val="00EE2344"/>
    <w:rsid w:val="00EE2E3A"/>
    <w:rsid w:val="00EE36F1"/>
    <w:rsid w:val="00EE58B3"/>
    <w:rsid w:val="00EE5BB4"/>
    <w:rsid w:val="00EE60BB"/>
    <w:rsid w:val="00EE7038"/>
    <w:rsid w:val="00EE7ED6"/>
    <w:rsid w:val="00EF0074"/>
    <w:rsid w:val="00EF01A2"/>
    <w:rsid w:val="00EF15D4"/>
    <w:rsid w:val="00EF1A2E"/>
    <w:rsid w:val="00EF1C5B"/>
    <w:rsid w:val="00EF1EB8"/>
    <w:rsid w:val="00EF3159"/>
    <w:rsid w:val="00EF3CB1"/>
    <w:rsid w:val="00EF432B"/>
    <w:rsid w:val="00EF45E0"/>
    <w:rsid w:val="00EF5191"/>
    <w:rsid w:val="00EF5961"/>
    <w:rsid w:val="00EF6F21"/>
    <w:rsid w:val="00F0066E"/>
    <w:rsid w:val="00F0093F"/>
    <w:rsid w:val="00F00F5C"/>
    <w:rsid w:val="00F01384"/>
    <w:rsid w:val="00F022A3"/>
    <w:rsid w:val="00F0302F"/>
    <w:rsid w:val="00F0347B"/>
    <w:rsid w:val="00F04899"/>
    <w:rsid w:val="00F06026"/>
    <w:rsid w:val="00F0652C"/>
    <w:rsid w:val="00F06B52"/>
    <w:rsid w:val="00F07390"/>
    <w:rsid w:val="00F073BB"/>
    <w:rsid w:val="00F102F6"/>
    <w:rsid w:val="00F106DD"/>
    <w:rsid w:val="00F10B5B"/>
    <w:rsid w:val="00F10F16"/>
    <w:rsid w:val="00F11839"/>
    <w:rsid w:val="00F12207"/>
    <w:rsid w:val="00F122BD"/>
    <w:rsid w:val="00F12A25"/>
    <w:rsid w:val="00F12D0F"/>
    <w:rsid w:val="00F12EE4"/>
    <w:rsid w:val="00F1362B"/>
    <w:rsid w:val="00F15EFE"/>
    <w:rsid w:val="00F17523"/>
    <w:rsid w:val="00F20E21"/>
    <w:rsid w:val="00F21AC1"/>
    <w:rsid w:val="00F21D20"/>
    <w:rsid w:val="00F21D68"/>
    <w:rsid w:val="00F2239D"/>
    <w:rsid w:val="00F25E43"/>
    <w:rsid w:val="00F277A2"/>
    <w:rsid w:val="00F27C2E"/>
    <w:rsid w:val="00F27FB7"/>
    <w:rsid w:val="00F30ACE"/>
    <w:rsid w:val="00F31D5F"/>
    <w:rsid w:val="00F324FE"/>
    <w:rsid w:val="00F32FBA"/>
    <w:rsid w:val="00F33DC4"/>
    <w:rsid w:val="00F34122"/>
    <w:rsid w:val="00F34212"/>
    <w:rsid w:val="00F3476B"/>
    <w:rsid w:val="00F352BE"/>
    <w:rsid w:val="00F377D6"/>
    <w:rsid w:val="00F37FE3"/>
    <w:rsid w:val="00F40CB1"/>
    <w:rsid w:val="00F41241"/>
    <w:rsid w:val="00F417AA"/>
    <w:rsid w:val="00F418EB"/>
    <w:rsid w:val="00F41A08"/>
    <w:rsid w:val="00F4233C"/>
    <w:rsid w:val="00F42BFE"/>
    <w:rsid w:val="00F4385B"/>
    <w:rsid w:val="00F44149"/>
    <w:rsid w:val="00F442BD"/>
    <w:rsid w:val="00F45552"/>
    <w:rsid w:val="00F45681"/>
    <w:rsid w:val="00F45AE1"/>
    <w:rsid w:val="00F46223"/>
    <w:rsid w:val="00F479C6"/>
    <w:rsid w:val="00F50354"/>
    <w:rsid w:val="00F506D7"/>
    <w:rsid w:val="00F50B11"/>
    <w:rsid w:val="00F50D3A"/>
    <w:rsid w:val="00F50DAB"/>
    <w:rsid w:val="00F51B73"/>
    <w:rsid w:val="00F52FA2"/>
    <w:rsid w:val="00F534F1"/>
    <w:rsid w:val="00F53AFC"/>
    <w:rsid w:val="00F54F2D"/>
    <w:rsid w:val="00F5529E"/>
    <w:rsid w:val="00F55C5E"/>
    <w:rsid w:val="00F563E9"/>
    <w:rsid w:val="00F5693E"/>
    <w:rsid w:val="00F56949"/>
    <w:rsid w:val="00F573E1"/>
    <w:rsid w:val="00F57CD1"/>
    <w:rsid w:val="00F60084"/>
    <w:rsid w:val="00F6214F"/>
    <w:rsid w:val="00F62E49"/>
    <w:rsid w:val="00F64200"/>
    <w:rsid w:val="00F65833"/>
    <w:rsid w:val="00F66366"/>
    <w:rsid w:val="00F663B1"/>
    <w:rsid w:val="00F70324"/>
    <w:rsid w:val="00F71C30"/>
    <w:rsid w:val="00F722F0"/>
    <w:rsid w:val="00F72600"/>
    <w:rsid w:val="00F72B1C"/>
    <w:rsid w:val="00F73669"/>
    <w:rsid w:val="00F7381B"/>
    <w:rsid w:val="00F738F8"/>
    <w:rsid w:val="00F76118"/>
    <w:rsid w:val="00F77545"/>
    <w:rsid w:val="00F810E5"/>
    <w:rsid w:val="00F82360"/>
    <w:rsid w:val="00F829FD"/>
    <w:rsid w:val="00F82E4B"/>
    <w:rsid w:val="00F83753"/>
    <w:rsid w:val="00F83A6B"/>
    <w:rsid w:val="00F8466A"/>
    <w:rsid w:val="00F87204"/>
    <w:rsid w:val="00F90002"/>
    <w:rsid w:val="00F91065"/>
    <w:rsid w:val="00F913EE"/>
    <w:rsid w:val="00F91A97"/>
    <w:rsid w:val="00F93968"/>
    <w:rsid w:val="00F94B5C"/>
    <w:rsid w:val="00F94CA1"/>
    <w:rsid w:val="00F94E9E"/>
    <w:rsid w:val="00F94F92"/>
    <w:rsid w:val="00F95180"/>
    <w:rsid w:val="00F95B04"/>
    <w:rsid w:val="00F9600D"/>
    <w:rsid w:val="00F9633A"/>
    <w:rsid w:val="00F96460"/>
    <w:rsid w:val="00F96B1F"/>
    <w:rsid w:val="00FA04A9"/>
    <w:rsid w:val="00FA1BD8"/>
    <w:rsid w:val="00FA1FD7"/>
    <w:rsid w:val="00FA2F44"/>
    <w:rsid w:val="00FA3FC4"/>
    <w:rsid w:val="00FA458F"/>
    <w:rsid w:val="00FA4AA6"/>
    <w:rsid w:val="00FA5890"/>
    <w:rsid w:val="00FA5B9E"/>
    <w:rsid w:val="00FA5FC7"/>
    <w:rsid w:val="00FA6669"/>
    <w:rsid w:val="00FA6F7B"/>
    <w:rsid w:val="00FA795D"/>
    <w:rsid w:val="00FA7A1D"/>
    <w:rsid w:val="00FA7B8D"/>
    <w:rsid w:val="00FB090E"/>
    <w:rsid w:val="00FB1A9A"/>
    <w:rsid w:val="00FB1FEC"/>
    <w:rsid w:val="00FB3EA6"/>
    <w:rsid w:val="00FB3EB1"/>
    <w:rsid w:val="00FB42D8"/>
    <w:rsid w:val="00FB61AD"/>
    <w:rsid w:val="00FB6615"/>
    <w:rsid w:val="00FB728E"/>
    <w:rsid w:val="00FC0E4E"/>
    <w:rsid w:val="00FC126B"/>
    <w:rsid w:val="00FC1B87"/>
    <w:rsid w:val="00FC2563"/>
    <w:rsid w:val="00FC4F44"/>
    <w:rsid w:val="00FC5178"/>
    <w:rsid w:val="00FC5BAB"/>
    <w:rsid w:val="00FC642C"/>
    <w:rsid w:val="00FC6A08"/>
    <w:rsid w:val="00FD0A97"/>
    <w:rsid w:val="00FD1E5C"/>
    <w:rsid w:val="00FD1FF2"/>
    <w:rsid w:val="00FD244C"/>
    <w:rsid w:val="00FD4345"/>
    <w:rsid w:val="00FD710E"/>
    <w:rsid w:val="00FE188F"/>
    <w:rsid w:val="00FE1AE2"/>
    <w:rsid w:val="00FE2304"/>
    <w:rsid w:val="00FE2A55"/>
    <w:rsid w:val="00FE33D0"/>
    <w:rsid w:val="00FE3D1D"/>
    <w:rsid w:val="00FE48EF"/>
    <w:rsid w:val="00FE49D2"/>
    <w:rsid w:val="00FE5678"/>
    <w:rsid w:val="00FE588B"/>
    <w:rsid w:val="00FE5ADF"/>
    <w:rsid w:val="00FE6964"/>
    <w:rsid w:val="00FF0C12"/>
    <w:rsid w:val="00FF132C"/>
    <w:rsid w:val="00FF25D2"/>
    <w:rsid w:val="00FF28DC"/>
    <w:rsid w:val="00FF3CD1"/>
    <w:rsid w:val="00FF450C"/>
    <w:rsid w:val="00FF461D"/>
    <w:rsid w:val="00FF48AA"/>
    <w:rsid w:val="00FF4C03"/>
    <w:rsid w:val="00FF6D98"/>
  </w:rsids>
  <m:mathPr>
    <m:mathFont m:val="Cambria Math"/>
    <m:brkBin m:val="before"/>
    <m:brkBinSub m:val="--"/>
    <m:smallFrac m:val="0"/>
    <m:dispDef/>
    <m:lMargin m:val="0"/>
    <m:rMargin m:val="0"/>
    <m:defJc m:val="centerGroup"/>
    <m:wrapIndent m:val="1440"/>
    <m:intLim m:val="subSup"/>
    <m:naryLim m:val="undOvr"/>
  </m:mathPr>
  <w:themeFontLang w:val="en-US" w:eastAsia="zh-CN"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4337"/>
    <o:shapelayout v:ext="edit">
      <o:idmap v:ext="edit" data="1"/>
    </o:shapelayout>
  </w:shapeDefaults>
  <w:decimalSymbol w:val="."/>
  <w:listSeparator w:val=","/>
  <w14:docId w14:val="16B8B45E"/>
  <w15:docId w15:val="{06756593-BDC3-4F0A-A24E-67914A38870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GB" w:eastAsia="en-GB" w:bidi="ar-SA"/>
      </w:rPr>
    </w:rPrDefault>
    <w:pPrDefault/>
  </w:docDefaults>
  <w:latentStyles w:defLockedState="0" w:defUIPriority="99" w:defSemiHidden="0" w:defUnhideWhenUsed="0" w:defQFormat="0" w:count="376">
    <w:lsdException w:name="Normal" w:uiPriority="7"/>
    <w:lsdException w:name="heading 1" w:semiHidden="1" w:uiPriority="9" w:qFormat="1"/>
    <w:lsdException w:name="heading 2" w:semiHidden="1"/>
    <w:lsdException w:name="heading 3" w:semiHidden="1" w:unhideWhenUsed="1"/>
    <w:lsdException w:name="heading 4" w:semiHidden="1" w:unhideWhenUsed="1"/>
    <w:lsdException w:name="heading 5" w:semiHidden="1" w:unhideWhenUsed="1"/>
    <w:lsdException w:name="heading 6" w:semiHidden="1" w:unhideWhenUsed="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nhideWhenUsed="1"/>
    <w:lsdException w:name="toc 6" w:semiHidden="1" w:unhideWhenUsed="1"/>
    <w:lsdException w:name="toc 7" w:semiHidden="1" w:unhideWhenUsed="1"/>
    <w:lsdException w:name="toc 8" w:semiHidden="1" w:unhideWhenUsed="1"/>
    <w:lsdException w:name="toc 9" w:semiHidden="1" w:uiPriority="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lsdException w:name="List Number" w:semiHidden="1"/>
    <w:lsdException w:name="List 2" w:semiHidden="1" w:unhideWhenUsed="1"/>
    <w:lsdException w:name="List 3" w:semiHidden="1" w:unhideWhenUsed="1"/>
    <w:lsdException w:name="List 4" w:semiHidden="1"/>
    <w:lsdException w:name="List 5" w:semiHidden="1"/>
    <w:lsdException w:name="List Bullet 2" w:semiHidden="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semiHidden="1" w:uiPriority="10" w:unhideWhenUsed="1" w:qFormat="1"/>
    <w:lsdException w:name="Closing" w:semiHidden="1" w:unhideWhenUsed="1"/>
    <w:lsdException w:name="Signature" w:semiHidden="1" w:unhideWhenUsed="1"/>
    <w:lsdException w:name="Default Paragraph Font" w:semiHidden="1" w:uiPriority="1" w:unhideWhenUsed="1"/>
    <w:lsdException w:name="Body Text" w:semiHidden="1" w:uiPriority="6" w:qFormat="1"/>
    <w:lsdException w:name="Body Text Indent" w:semiHidden="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lsdException w:name="Date" w:semiHidden="1"/>
    <w:lsdException w:name="Body Text First Indent" w:semiHidden="1"/>
    <w:lsdException w:name="Body Text First Indent 2" w:semiHidden="1" w:unhideWhenUsed="1" w:qFormat="1"/>
    <w:lsdException w:name="Note Heading" w:semiHidden="1" w:unhideWhenUsed="1"/>
    <w:lsdException w:name="Body Text 2" w:semiHidden="1" w:uiPriority="0" w:unhideWhenUsed="1" w:qFormat="1"/>
    <w:lsdException w:name="Body Text 3" w:semiHidden="1" w:uiPriority="0" w:unhideWhenUsed="1" w:qFormat="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nhideWhenUsed="1"/>
    <w:lsdException w:name="Emphasis"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1" w:unhideWhenUsed="1" w:qFormat="1"/>
    <w:lsdException w:name="Quote" w:semiHidden="1" w:unhideWhenUsed="1"/>
    <w:lsdException w:name="Intense Quote" w:semiHidden="1" w:uiPriority="30"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nhideWhenUsed="1"/>
    <w:lsdException w:name="Intense Emphasis" w:semiHidden="1" w:unhideWhenUsed="1"/>
    <w:lsdException w:name="Subtle Reference" w:semiHidden="1" w:unhideWhenUsed="1"/>
    <w:lsdException w:name="Intense Reference" w:semiHidden="1" w:unhideWhenUsed="1"/>
    <w:lsdException w:name="Book Title" w:semiHidden="1" w:unhideWhenUsed="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9"/>
    <w:rsid w:val="008024CF"/>
    <w:pPr>
      <w:spacing w:before="90" w:after="150" w:line="264" w:lineRule="auto"/>
      <w:jc w:val="both"/>
    </w:pPr>
    <w:rPr>
      <w:rFonts w:eastAsiaTheme="minorHAnsi" w:cstheme="minorBidi"/>
      <w:sz w:val="22"/>
      <w:szCs w:val="22"/>
      <w:lang w:eastAsia="en-US"/>
    </w:rPr>
  </w:style>
  <w:style w:type="paragraph" w:styleId="Heading1">
    <w:name w:val="heading 1"/>
    <w:basedOn w:val="Normal"/>
    <w:next w:val="Normal"/>
    <w:link w:val="Heading1Char"/>
    <w:uiPriority w:val="9"/>
    <w:qFormat/>
    <w:rsid w:val="009719AF"/>
    <w:pPr>
      <w:keepNext/>
      <w:keepLines/>
      <w:spacing w:before="48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9"/>
    <w:semiHidden/>
    <w:rsid w:val="009719AF"/>
    <w:pPr>
      <w:keepNext/>
      <w:spacing w:after="240"/>
      <w:outlineLvl w:val="1"/>
    </w:pPr>
    <w:rPr>
      <w:rFonts w:cs="Arial"/>
      <w:b/>
      <w:bCs/>
      <w:iCs/>
      <w:szCs w:val="28"/>
    </w:rPr>
  </w:style>
  <w:style w:type="paragraph" w:styleId="Heading3">
    <w:name w:val="heading 3"/>
    <w:basedOn w:val="Normal"/>
    <w:next w:val="Normal"/>
    <w:link w:val="Heading3Char"/>
    <w:uiPriority w:val="99"/>
    <w:semiHidden/>
    <w:rsid w:val="009719AF"/>
    <w:pPr>
      <w:spacing w:after="240"/>
      <w:outlineLvl w:val="2"/>
    </w:pPr>
    <w:rPr>
      <w:rFonts w:cs="Arial"/>
      <w:bCs/>
      <w:szCs w:val="26"/>
    </w:rPr>
  </w:style>
  <w:style w:type="paragraph" w:styleId="Heading4">
    <w:name w:val="heading 4"/>
    <w:basedOn w:val="Normal"/>
    <w:next w:val="Normal"/>
    <w:link w:val="Heading4Char"/>
    <w:uiPriority w:val="99"/>
    <w:semiHidden/>
    <w:rsid w:val="009719AF"/>
    <w:pPr>
      <w:spacing w:after="240"/>
      <w:outlineLvl w:val="3"/>
    </w:pPr>
    <w:rPr>
      <w:bCs/>
      <w:szCs w:val="28"/>
    </w:rPr>
  </w:style>
  <w:style w:type="paragraph" w:styleId="Heading5">
    <w:name w:val="heading 5"/>
    <w:basedOn w:val="Normal"/>
    <w:next w:val="Normal"/>
    <w:link w:val="Heading5Char"/>
    <w:uiPriority w:val="99"/>
    <w:semiHidden/>
    <w:rsid w:val="009719AF"/>
    <w:pPr>
      <w:spacing w:after="240"/>
      <w:outlineLvl w:val="4"/>
    </w:pPr>
    <w:rPr>
      <w:bCs/>
      <w:iCs/>
      <w:szCs w:val="26"/>
    </w:rPr>
  </w:style>
  <w:style w:type="paragraph" w:styleId="Heading6">
    <w:name w:val="heading 6"/>
    <w:basedOn w:val="Normal"/>
    <w:next w:val="Normal"/>
    <w:link w:val="Heading6Char"/>
    <w:uiPriority w:val="99"/>
    <w:semiHidden/>
    <w:rsid w:val="009719AF"/>
    <w:pPr>
      <w:spacing w:after="240"/>
      <w:outlineLvl w:val="5"/>
    </w:pPr>
    <w:rPr>
      <w:bCs/>
    </w:rPr>
  </w:style>
  <w:style w:type="paragraph" w:styleId="Heading7">
    <w:name w:val="heading 7"/>
    <w:basedOn w:val="Normal"/>
    <w:next w:val="Normal"/>
    <w:link w:val="Heading7Char"/>
    <w:uiPriority w:val="99"/>
    <w:semiHidden/>
    <w:rsid w:val="009719AF"/>
    <w:pPr>
      <w:spacing w:after="240"/>
      <w:outlineLvl w:val="6"/>
    </w:pPr>
  </w:style>
  <w:style w:type="paragraph" w:styleId="Heading8">
    <w:name w:val="heading 8"/>
    <w:basedOn w:val="Normal"/>
    <w:next w:val="Normal"/>
    <w:link w:val="Heading8Char"/>
    <w:uiPriority w:val="99"/>
    <w:semiHidden/>
    <w:rsid w:val="009719AF"/>
    <w:pPr>
      <w:spacing w:after="240"/>
      <w:outlineLvl w:val="7"/>
    </w:pPr>
    <w:rPr>
      <w:iCs/>
    </w:rPr>
  </w:style>
  <w:style w:type="paragraph" w:styleId="Heading9">
    <w:name w:val="heading 9"/>
    <w:basedOn w:val="Normal"/>
    <w:next w:val="Normal"/>
    <w:link w:val="Heading9Char"/>
    <w:uiPriority w:val="99"/>
    <w:semiHidden/>
    <w:rsid w:val="009719AF"/>
    <w:pPr>
      <w:spacing w:after="240"/>
      <w:outlineLvl w:val="8"/>
    </w:pPr>
    <w:rPr>
      <w:rFonts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uiPriority w:val="99"/>
    <w:semiHidden/>
    <w:rsid w:val="009719AF"/>
    <w:rPr>
      <w:vertAlign w:val="superscript"/>
    </w:rPr>
  </w:style>
  <w:style w:type="paragraph" w:styleId="FootnoteText">
    <w:name w:val="footnote text"/>
    <w:link w:val="FootnoteTextChar"/>
    <w:uiPriority w:val="99"/>
    <w:rsid w:val="009719AF"/>
  </w:style>
  <w:style w:type="paragraph" w:styleId="Header">
    <w:name w:val="header"/>
    <w:basedOn w:val="Normal"/>
    <w:link w:val="HeaderChar"/>
    <w:uiPriority w:val="99"/>
    <w:rsid w:val="009719AF"/>
    <w:pPr>
      <w:tabs>
        <w:tab w:val="center" w:pos="4513"/>
        <w:tab w:val="right" w:pos="9026"/>
      </w:tabs>
    </w:pPr>
  </w:style>
  <w:style w:type="character" w:customStyle="1" w:styleId="HeaderChar">
    <w:name w:val="Header Char"/>
    <w:basedOn w:val="DefaultParagraphFont"/>
    <w:link w:val="Header"/>
    <w:uiPriority w:val="99"/>
    <w:rsid w:val="009719AF"/>
    <w:rPr>
      <w:rFonts w:eastAsiaTheme="minorHAnsi" w:cstheme="minorBidi"/>
      <w:sz w:val="22"/>
      <w:szCs w:val="22"/>
      <w:lang w:eastAsia="en-US"/>
    </w:rPr>
  </w:style>
  <w:style w:type="paragraph" w:styleId="Footer">
    <w:name w:val="footer"/>
    <w:basedOn w:val="Normal"/>
    <w:link w:val="FooterChar"/>
    <w:uiPriority w:val="99"/>
    <w:rsid w:val="009719AF"/>
    <w:pPr>
      <w:tabs>
        <w:tab w:val="center" w:pos="4513"/>
        <w:tab w:val="right" w:pos="9026"/>
      </w:tabs>
    </w:pPr>
    <w:rPr>
      <w:sz w:val="16"/>
      <w:szCs w:val="18"/>
    </w:rPr>
  </w:style>
  <w:style w:type="character" w:customStyle="1" w:styleId="FooterChar">
    <w:name w:val="Footer Char"/>
    <w:basedOn w:val="DefaultParagraphFont"/>
    <w:link w:val="Footer"/>
    <w:uiPriority w:val="99"/>
    <w:rsid w:val="009719AF"/>
    <w:rPr>
      <w:rFonts w:eastAsiaTheme="minorHAnsi" w:cstheme="minorBidi"/>
      <w:sz w:val="16"/>
      <w:szCs w:val="18"/>
      <w:lang w:eastAsia="en-US"/>
    </w:rPr>
  </w:style>
  <w:style w:type="character" w:styleId="PlaceholderText">
    <w:name w:val="Placeholder Text"/>
    <w:basedOn w:val="DefaultParagraphFont"/>
    <w:uiPriority w:val="99"/>
    <w:semiHidden/>
    <w:rsid w:val="009719AF"/>
    <w:rPr>
      <w:color w:val="808080"/>
    </w:rPr>
  </w:style>
  <w:style w:type="paragraph" w:customStyle="1" w:styleId="DocID">
    <w:name w:val="DocID"/>
    <w:basedOn w:val="Footer"/>
    <w:uiPriority w:val="99"/>
    <w:rsid w:val="005173EE"/>
    <w:pPr>
      <w:tabs>
        <w:tab w:val="clear" w:pos="4513"/>
        <w:tab w:val="clear" w:pos="9026"/>
      </w:tabs>
      <w:spacing w:before="0" w:after="0" w:line="240" w:lineRule="auto"/>
    </w:pPr>
    <w:rPr>
      <w:szCs w:val="24"/>
      <w:lang w:val="en-US"/>
    </w:rPr>
  </w:style>
  <w:style w:type="character" w:customStyle="1" w:styleId="Heading1Char">
    <w:name w:val="Heading 1 Char"/>
    <w:basedOn w:val="DefaultParagraphFont"/>
    <w:link w:val="Heading1"/>
    <w:uiPriority w:val="9"/>
    <w:semiHidden/>
    <w:rsid w:val="009719AF"/>
    <w:rPr>
      <w:rFonts w:asciiTheme="majorHAnsi" w:eastAsiaTheme="majorEastAsia" w:hAnsiTheme="majorHAnsi" w:cstheme="majorBidi"/>
      <w:b/>
      <w:bCs/>
      <w:color w:val="365F91" w:themeColor="accent1" w:themeShade="BF"/>
      <w:sz w:val="28"/>
      <w:szCs w:val="28"/>
      <w:lang w:eastAsia="en-US"/>
    </w:rPr>
  </w:style>
  <w:style w:type="paragraph" w:styleId="TOCHeading">
    <w:name w:val="TOC Heading"/>
    <w:basedOn w:val="BodyText"/>
    <w:next w:val="Normal"/>
    <w:uiPriority w:val="39"/>
    <w:semiHidden/>
    <w:rsid w:val="009719AF"/>
    <w:pPr>
      <w:keepNext/>
      <w:outlineLvl w:val="0"/>
    </w:pPr>
    <w:rPr>
      <w:b/>
      <w:bCs/>
      <w:sz w:val="28"/>
      <w:szCs w:val="32"/>
    </w:rPr>
  </w:style>
  <w:style w:type="character" w:customStyle="1" w:styleId="FootnoteTextChar">
    <w:name w:val="Footnote Text Char"/>
    <w:link w:val="FootnoteText"/>
    <w:uiPriority w:val="99"/>
    <w:rsid w:val="009719AF"/>
  </w:style>
  <w:style w:type="table" w:styleId="TableGrid">
    <w:name w:val="Table Grid"/>
    <w:basedOn w:val="TableNormal"/>
    <w:uiPriority w:val="59"/>
    <w:rsid w:val="009719AF"/>
    <w:rPr>
      <w:rFonts w:ascii="Calibri" w:eastAsiaTheme="minorHAnsi" w:hAnsi="Calibri" w:cstheme="minorBidi"/>
      <w:sz w:val="22"/>
      <w:szCs w:val="22"/>
      <w:lang w:eastAsia="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character" w:customStyle="1" w:styleId="Heading2Char">
    <w:name w:val="Heading 2 Char"/>
    <w:link w:val="Heading2"/>
    <w:uiPriority w:val="99"/>
    <w:semiHidden/>
    <w:rsid w:val="009719AF"/>
    <w:rPr>
      <w:rFonts w:eastAsiaTheme="minorHAnsi" w:cs="Arial"/>
      <w:b/>
      <w:bCs/>
      <w:iCs/>
      <w:sz w:val="22"/>
      <w:szCs w:val="28"/>
      <w:lang w:eastAsia="en-US"/>
    </w:rPr>
  </w:style>
  <w:style w:type="character" w:customStyle="1" w:styleId="Heading3Char">
    <w:name w:val="Heading 3 Char"/>
    <w:link w:val="Heading3"/>
    <w:uiPriority w:val="99"/>
    <w:semiHidden/>
    <w:rsid w:val="009719AF"/>
    <w:rPr>
      <w:rFonts w:eastAsiaTheme="minorHAnsi" w:cs="Arial"/>
      <w:bCs/>
      <w:sz w:val="22"/>
      <w:szCs w:val="26"/>
      <w:lang w:eastAsia="en-US"/>
    </w:rPr>
  </w:style>
  <w:style w:type="character" w:customStyle="1" w:styleId="Heading4Char">
    <w:name w:val="Heading 4 Char"/>
    <w:link w:val="Heading4"/>
    <w:uiPriority w:val="99"/>
    <w:semiHidden/>
    <w:rsid w:val="009719AF"/>
    <w:rPr>
      <w:rFonts w:eastAsiaTheme="minorHAnsi" w:cstheme="minorBidi"/>
      <w:bCs/>
      <w:sz w:val="22"/>
      <w:szCs w:val="28"/>
      <w:lang w:eastAsia="en-US"/>
    </w:rPr>
  </w:style>
  <w:style w:type="character" w:customStyle="1" w:styleId="Heading5Char">
    <w:name w:val="Heading 5 Char"/>
    <w:link w:val="Heading5"/>
    <w:uiPriority w:val="99"/>
    <w:semiHidden/>
    <w:rsid w:val="009719AF"/>
    <w:rPr>
      <w:rFonts w:eastAsiaTheme="minorHAnsi" w:cstheme="minorBidi"/>
      <w:bCs/>
      <w:iCs/>
      <w:sz w:val="22"/>
      <w:szCs w:val="26"/>
      <w:lang w:eastAsia="en-US"/>
    </w:rPr>
  </w:style>
  <w:style w:type="character" w:customStyle="1" w:styleId="Heading6Char">
    <w:name w:val="Heading 6 Char"/>
    <w:link w:val="Heading6"/>
    <w:uiPriority w:val="99"/>
    <w:semiHidden/>
    <w:rsid w:val="009719AF"/>
    <w:rPr>
      <w:rFonts w:eastAsiaTheme="minorHAnsi" w:cstheme="minorBidi"/>
      <w:bCs/>
      <w:sz w:val="22"/>
      <w:szCs w:val="22"/>
      <w:lang w:eastAsia="en-US"/>
    </w:rPr>
  </w:style>
  <w:style w:type="character" w:customStyle="1" w:styleId="Heading7Char">
    <w:name w:val="Heading 7 Char"/>
    <w:link w:val="Heading7"/>
    <w:uiPriority w:val="99"/>
    <w:semiHidden/>
    <w:rsid w:val="009719AF"/>
    <w:rPr>
      <w:rFonts w:eastAsiaTheme="minorHAnsi" w:cstheme="minorBidi"/>
      <w:sz w:val="22"/>
      <w:szCs w:val="22"/>
      <w:lang w:eastAsia="en-US"/>
    </w:rPr>
  </w:style>
  <w:style w:type="character" w:customStyle="1" w:styleId="Heading8Char">
    <w:name w:val="Heading 8 Char"/>
    <w:link w:val="Heading8"/>
    <w:uiPriority w:val="99"/>
    <w:semiHidden/>
    <w:rsid w:val="009719AF"/>
    <w:rPr>
      <w:rFonts w:eastAsiaTheme="minorHAnsi" w:cstheme="minorBidi"/>
      <w:iCs/>
      <w:sz w:val="22"/>
      <w:szCs w:val="22"/>
      <w:lang w:eastAsia="en-US"/>
    </w:rPr>
  </w:style>
  <w:style w:type="character" w:customStyle="1" w:styleId="Heading9Char">
    <w:name w:val="Heading 9 Char"/>
    <w:link w:val="Heading9"/>
    <w:uiPriority w:val="99"/>
    <w:semiHidden/>
    <w:rsid w:val="009719AF"/>
    <w:rPr>
      <w:rFonts w:eastAsiaTheme="minorHAnsi" w:cs="Arial"/>
      <w:sz w:val="22"/>
      <w:szCs w:val="22"/>
      <w:lang w:eastAsia="en-US"/>
    </w:rPr>
  </w:style>
  <w:style w:type="character" w:styleId="PageNumber">
    <w:name w:val="page number"/>
    <w:basedOn w:val="DefaultParagraphFont"/>
    <w:uiPriority w:val="19"/>
    <w:semiHidden/>
    <w:rsid w:val="009719AF"/>
  </w:style>
  <w:style w:type="paragraph" w:styleId="TOC1">
    <w:name w:val="toc 1"/>
    <w:basedOn w:val="Normal"/>
    <w:next w:val="Normal"/>
    <w:link w:val="TOC1Char"/>
    <w:autoRedefine/>
    <w:uiPriority w:val="39"/>
    <w:unhideWhenUsed/>
    <w:rsid w:val="006F3238"/>
    <w:pPr>
      <w:tabs>
        <w:tab w:val="right" w:leader="dot" w:pos="8721"/>
      </w:tabs>
      <w:spacing w:before="60" w:after="20"/>
      <w:ind w:left="567" w:hanging="567"/>
      <w:jc w:val="left"/>
    </w:pPr>
  </w:style>
  <w:style w:type="paragraph" w:styleId="TOC2">
    <w:name w:val="toc 2"/>
    <w:basedOn w:val="Normal"/>
    <w:next w:val="Normal"/>
    <w:autoRedefine/>
    <w:uiPriority w:val="39"/>
    <w:unhideWhenUsed/>
    <w:rsid w:val="006F3238"/>
    <w:pPr>
      <w:tabs>
        <w:tab w:val="right" w:leader="dot" w:pos="8721"/>
      </w:tabs>
      <w:spacing w:before="0" w:after="20"/>
      <w:ind w:left="1418" w:hanging="1418"/>
      <w:jc w:val="left"/>
    </w:pPr>
  </w:style>
  <w:style w:type="paragraph" w:styleId="TOC3">
    <w:name w:val="toc 3"/>
    <w:basedOn w:val="Normal"/>
    <w:next w:val="Normal"/>
    <w:autoRedefine/>
    <w:uiPriority w:val="39"/>
    <w:unhideWhenUsed/>
    <w:rsid w:val="009719AF"/>
    <w:pPr>
      <w:spacing w:before="0" w:after="20"/>
      <w:ind w:left="1474" w:hanging="907"/>
      <w:jc w:val="left"/>
    </w:pPr>
  </w:style>
  <w:style w:type="paragraph" w:styleId="TOC4">
    <w:name w:val="toc 4"/>
    <w:basedOn w:val="Normal"/>
    <w:next w:val="Normal"/>
    <w:autoRedefine/>
    <w:uiPriority w:val="39"/>
    <w:semiHidden/>
    <w:rsid w:val="009719AF"/>
    <w:pPr>
      <w:spacing w:after="240"/>
      <w:ind w:left="2880" w:right="432" w:hanging="720"/>
      <w:jc w:val="left"/>
    </w:pPr>
    <w:rPr>
      <w:noProof/>
    </w:rPr>
  </w:style>
  <w:style w:type="paragraph" w:styleId="TOC5">
    <w:name w:val="toc 5"/>
    <w:basedOn w:val="Normal"/>
    <w:next w:val="Normal"/>
    <w:autoRedefine/>
    <w:uiPriority w:val="99"/>
    <w:semiHidden/>
    <w:rsid w:val="009719AF"/>
    <w:pPr>
      <w:spacing w:after="240"/>
      <w:ind w:left="3600" w:right="432" w:hanging="720"/>
      <w:jc w:val="left"/>
    </w:pPr>
    <w:rPr>
      <w:noProof/>
    </w:rPr>
  </w:style>
  <w:style w:type="paragraph" w:styleId="TOC6">
    <w:name w:val="toc 6"/>
    <w:basedOn w:val="Normal"/>
    <w:next w:val="Normal"/>
    <w:autoRedefine/>
    <w:uiPriority w:val="99"/>
    <w:semiHidden/>
    <w:rsid w:val="009719AF"/>
    <w:pPr>
      <w:spacing w:after="240"/>
      <w:ind w:left="4320" w:right="432" w:hanging="720"/>
      <w:jc w:val="left"/>
    </w:pPr>
    <w:rPr>
      <w:noProof/>
    </w:rPr>
  </w:style>
  <w:style w:type="paragraph" w:styleId="TOC7">
    <w:name w:val="toc 7"/>
    <w:basedOn w:val="Normal"/>
    <w:next w:val="Normal"/>
    <w:autoRedefine/>
    <w:uiPriority w:val="99"/>
    <w:semiHidden/>
    <w:rsid w:val="009719AF"/>
    <w:pPr>
      <w:spacing w:after="240"/>
      <w:ind w:left="5040" w:right="432" w:hanging="720"/>
      <w:jc w:val="left"/>
    </w:pPr>
    <w:rPr>
      <w:noProof/>
    </w:rPr>
  </w:style>
  <w:style w:type="paragraph" w:styleId="TOC8">
    <w:name w:val="toc 8"/>
    <w:basedOn w:val="Normal"/>
    <w:next w:val="Normal"/>
    <w:autoRedefine/>
    <w:uiPriority w:val="99"/>
    <w:semiHidden/>
    <w:rsid w:val="009719AF"/>
    <w:pPr>
      <w:spacing w:after="240"/>
      <w:ind w:left="5760" w:right="432" w:hanging="720"/>
      <w:jc w:val="left"/>
    </w:pPr>
    <w:rPr>
      <w:noProof/>
    </w:rPr>
  </w:style>
  <w:style w:type="paragraph" w:styleId="TOC9">
    <w:name w:val="toc 9"/>
    <w:basedOn w:val="Normal"/>
    <w:next w:val="Normal"/>
    <w:autoRedefine/>
    <w:uiPriority w:val="19"/>
    <w:semiHidden/>
    <w:rsid w:val="009719AF"/>
    <w:pPr>
      <w:spacing w:after="100"/>
      <w:ind w:left="1600"/>
      <w:jc w:val="left"/>
    </w:pPr>
  </w:style>
  <w:style w:type="paragraph" w:styleId="EndnoteText">
    <w:name w:val="endnote text"/>
    <w:basedOn w:val="Normal"/>
    <w:link w:val="EndnoteTextChar"/>
    <w:uiPriority w:val="99"/>
    <w:semiHidden/>
    <w:rsid w:val="009719AF"/>
    <w:pPr>
      <w:spacing w:after="240"/>
    </w:pPr>
    <w:rPr>
      <w:szCs w:val="20"/>
    </w:rPr>
  </w:style>
  <w:style w:type="character" w:customStyle="1" w:styleId="EndnoteTextChar">
    <w:name w:val="Endnote Text Char"/>
    <w:link w:val="EndnoteText"/>
    <w:uiPriority w:val="99"/>
    <w:semiHidden/>
    <w:rsid w:val="009719AF"/>
    <w:rPr>
      <w:rFonts w:eastAsiaTheme="minorHAnsi" w:cstheme="minorBidi"/>
      <w:sz w:val="22"/>
      <w:lang w:eastAsia="en-US"/>
    </w:rPr>
  </w:style>
  <w:style w:type="paragraph" w:customStyle="1" w:styleId="TOCPage">
    <w:name w:val="TOC Page"/>
    <w:basedOn w:val="Normal"/>
    <w:uiPriority w:val="99"/>
    <w:semiHidden/>
    <w:rsid w:val="009719AF"/>
    <w:pPr>
      <w:spacing w:after="240"/>
      <w:jc w:val="right"/>
    </w:pPr>
    <w:rPr>
      <w:b/>
      <w:szCs w:val="20"/>
    </w:rPr>
  </w:style>
  <w:style w:type="paragraph" w:styleId="BodyText">
    <w:name w:val="Body Text"/>
    <w:basedOn w:val="Normal"/>
    <w:next w:val="Background1"/>
    <w:link w:val="BodyTextChar"/>
    <w:uiPriority w:val="99"/>
    <w:semiHidden/>
    <w:qFormat/>
    <w:rsid w:val="00514435"/>
    <w:pPr>
      <w:suppressAutoHyphens/>
    </w:pPr>
    <w:rPr>
      <w:sz w:val="23"/>
    </w:rPr>
  </w:style>
  <w:style w:type="character" w:customStyle="1" w:styleId="BodyTextChar">
    <w:name w:val="Body Text Char"/>
    <w:basedOn w:val="DefaultParagraphFont"/>
    <w:link w:val="BodyText"/>
    <w:uiPriority w:val="99"/>
    <w:semiHidden/>
    <w:rsid w:val="00514435"/>
    <w:rPr>
      <w:rFonts w:eastAsiaTheme="minorHAnsi" w:cstheme="minorBidi"/>
      <w:sz w:val="23"/>
      <w:szCs w:val="22"/>
      <w:lang w:eastAsia="en-US"/>
    </w:rPr>
  </w:style>
  <w:style w:type="paragraph" w:styleId="BalloonText">
    <w:name w:val="Balloon Text"/>
    <w:basedOn w:val="Normal"/>
    <w:link w:val="BalloonTextChar"/>
    <w:uiPriority w:val="99"/>
    <w:semiHidden/>
    <w:rsid w:val="009719AF"/>
    <w:rPr>
      <w:rFonts w:ascii="Tahoma" w:hAnsi="Tahoma" w:cs="Tahoma"/>
      <w:sz w:val="16"/>
      <w:szCs w:val="16"/>
    </w:rPr>
  </w:style>
  <w:style w:type="character" w:customStyle="1" w:styleId="BalloonTextChar">
    <w:name w:val="Balloon Text Char"/>
    <w:basedOn w:val="DefaultParagraphFont"/>
    <w:link w:val="BalloonText"/>
    <w:uiPriority w:val="99"/>
    <w:semiHidden/>
    <w:rsid w:val="009719AF"/>
    <w:rPr>
      <w:rFonts w:ascii="Tahoma" w:eastAsiaTheme="minorHAnsi" w:hAnsi="Tahoma" w:cs="Tahoma"/>
      <w:sz w:val="16"/>
      <w:szCs w:val="16"/>
      <w:lang w:eastAsia="en-US"/>
    </w:rPr>
  </w:style>
  <w:style w:type="paragraph" w:styleId="Bibliography">
    <w:name w:val="Bibliography"/>
    <w:basedOn w:val="Normal"/>
    <w:next w:val="Normal"/>
    <w:uiPriority w:val="99"/>
    <w:semiHidden/>
    <w:rsid w:val="009719AF"/>
  </w:style>
  <w:style w:type="paragraph" w:styleId="BlockText">
    <w:name w:val="Block Text"/>
    <w:basedOn w:val="Normal"/>
    <w:uiPriority w:val="99"/>
    <w:semiHidden/>
    <w:rsid w:val="009719AF"/>
    <w:pPr>
      <w:pBdr>
        <w:top w:val="single" w:sz="2" w:space="10" w:color="4F81BD" w:shadow="1" w:frame="1"/>
        <w:left w:val="single" w:sz="2" w:space="10" w:color="4F81BD" w:shadow="1" w:frame="1"/>
        <w:bottom w:val="single" w:sz="2" w:space="10" w:color="4F81BD" w:shadow="1" w:frame="1"/>
        <w:right w:val="single" w:sz="2" w:space="10" w:color="4F81BD" w:shadow="1" w:frame="1"/>
      </w:pBdr>
    </w:pPr>
    <w:rPr>
      <w:iCs/>
    </w:rPr>
  </w:style>
  <w:style w:type="paragraph" w:styleId="BodyText2">
    <w:name w:val="Body Text 2"/>
    <w:basedOn w:val="BodyText"/>
    <w:link w:val="BodyText2Char"/>
    <w:uiPriority w:val="4"/>
    <w:qFormat/>
    <w:rsid w:val="00514435"/>
    <w:pPr>
      <w:ind w:left="567"/>
    </w:pPr>
  </w:style>
  <w:style w:type="character" w:customStyle="1" w:styleId="BodyText2Char">
    <w:name w:val="Body Text 2 Char"/>
    <w:basedOn w:val="DefaultParagraphFont"/>
    <w:link w:val="BodyText2"/>
    <w:uiPriority w:val="4"/>
    <w:rsid w:val="00514435"/>
    <w:rPr>
      <w:rFonts w:eastAsiaTheme="minorHAnsi" w:cstheme="minorBidi"/>
      <w:sz w:val="23"/>
      <w:szCs w:val="22"/>
      <w:lang w:eastAsia="en-US"/>
    </w:rPr>
  </w:style>
  <w:style w:type="paragraph" w:styleId="BodyText3">
    <w:name w:val="Body Text 3"/>
    <w:basedOn w:val="BodyText"/>
    <w:link w:val="BodyText3Char"/>
    <w:uiPriority w:val="4"/>
    <w:qFormat/>
    <w:rsid w:val="00514435"/>
    <w:pPr>
      <w:ind w:left="1134"/>
    </w:pPr>
  </w:style>
  <w:style w:type="character" w:customStyle="1" w:styleId="BodyText3Char">
    <w:name w:val="Body Text 3 Char"/>
    <w:basedOn w:val="DefaultParagraphFont"/>
    <w:link w:val="BodyText3"/>
    <w:uiPriority w:val="4"/>
    <w:rsid w:val="00514435"/>
    <w:rPr>
      <w:rFonts w:eastAsiaTheme="minorHAnsi" w:cstheme="minorBidi"/>
      <w:sz w:val="23"/>
      <w:szCs w:val="22"/>
      <w:lang w:eastAsia="en-US"/>
    </w:rPr>
  </w:style>
  <w:style w:type="paragraph" w:styleId="BodyTextFirstIndent">
    <w:name w:val="Body Text First Indent"/>
    <w:basedOn w:val="BodyText"/>
    <w:link w:val="BodyTextFirstIndentChar"/>
    <w:uiPriority w:val="99"/>
    <w:semiHidden/>
    <w:rsid w:val="00514435"/>
    <w:pPr>
      <w:spacing w:after="0"/>
      <w:ind w:firstLine="360"/>
    </w:pPr>
  </w:style>
  <w:style w:type="character" w:customStyle="1" w:styleId="BodyTextFirstIndentChar">
    <w:name w:val="Body Text First Indent Char"/>
    <w:link w:val="BodyTextFirstIndent"/>
    <w:uiPriority w:val="99"/>
    <w:semiHidden/>
    <w:rsid w:val="00514435"/>
    <w:rPr>
      <w:rFonts w:eastAsiaTheme="minorHAnsi" w:cstheme="minorBidi"/>
      <w:sz w:val="23"/>
      <w:szCs w:val="22"/>
      <w:lang w:eastAsia="en-US"/>
    </w:rPr>
  </w:style>
  <w:style w:type="paragraph" w:styleId="BodyTextIndent">
    <w:name w:val="Body Text Indent"/>
    <w:basedOn w:val="Normal"/>
    <w:link w:val="BodyTextIndentChar"/>
    <w:uiPriority w:val="99"/>
    <w:semiHidden/>
    <w:rsid w:val="00514435"/>
    <w:pPr>
      <w:spacing w:after="120"/>
      <w:ind w:left="360"/>
    </w:pPr>
  </w:style>
  <w:style w:type="character" w:customStyle="1" w:styleId="BodyTextIndentChar">
    <w:name w:val="Body Text Indent Char"/>
    <w:link w:val="BodyTextIndent"/>
    <w:uiPriority w:val="99"/>
    <w:semiHidden/>
    <w:rsid w:val="00514435"/>
    <w:rPr>
      <w:rFonts w:eastAsiaTheme="minorHAnsi" w:cstheme="minorBidi"/>
      <w:sz w:val="22"/>
      <w:szCs w:val="22"/>
      <w:lang w:eastAsia="en-US"/>
    </w:rPr>
  </w:style>
  <w:style w:type="paragraph" w:styleId="BodyTextFirstIndent2">
    <w:name w:val="Body Text First Indent 2"/>
    <w:basedOn w:val="BodyTextIndent"/>
    <w:link w:val="BodyTextFirstIndent2Char"/>
    <w:uiPriority w:val="99"/>
    <w:semiHidden/>
    <w:rsid w:val="00514435"/>
    <w:pPr>
      <w:spacing w:after="0"/>
      <w:ind w:firstLine="360"/>
    </w:pPr>
  </w:style>
  <w:style w:type="character" w:customStyle="1" w:styleId="BodyTextFirstIndent2Char">
    <w:name w:val="Body Text First Indent 2 Char"/>
    <w:link w:val="BodyTextFirstIndent2"/>
    <w:uiPriority w:val="99"/>
    <w:semiHidden/>
    <w:rsid w:val="00514435"/>
    <w:rPr>
      <w:rFonts w:eastAsiaTheme="minorHAnsi" w:cstheme="minorBidi"/>
      <w:sz w:val="22"/>
      <w:szCs w:val="22"/>
      <w:lang w:eastAsia="en-US"/>
    </w:rPr>
  </w:style>
  <w:style w:type="paragraph" w:styleId="BodyTextIndent2">
    <w:name w:val="Body Text Indent 2"/>
    <w:basedOn w:val="Normal"/>
    <w:link w:val="BodyTextIndent2Char"/>
    <w:uiPriority w:val="99"/>
    <w:semiHidden/>
    <w:rsid w:val="00514435"/>
    <w:pPr>
      <w:spacing w:after="120" w:line="480" w:lineRule="auto"/>
      <w:ind w:left="360"/>
    </w:pPr>
  </w:style>
  <w:style w:type="character" w:customStyle="1" w:styleId="BodyTextIndent2Char">
    <w:name w:val="Body Text Indent 2 Char"/>
    <w:link w:val="BodyTextIndent2"/>
    <w:uiPriority w:val="99"/>
    <w:semiHidden/>
    <w:rsid w:val="00514435"/>
    <w:rPr>
      <w:rFonts w:eastAsiaTheme="minorHAnsi" w:cstheme="minorBidi"/>
      <w:sz w:val="22"/>
      <w:szCs w:val="22"/>
      <w:lang w:eastAsia="en-US"/>
    </w:rPr>
  </w:style>
  <w:style w:type="paragraph" w:styleId="BodyTextIndent3">
    <w:name w:val="Body Text Indent 3"/>
    <w:basedOn w:val="Normal"/>
    <w:link w:val="BodyTextIndent3Char"/>
    <w:uiPriority w:val="99"/>
    <w:semiHidden/>
    <w:rsid w:val="00514435"/>
    <w:pPr>
      <w:spacing w:after="120"/>
      <w:ind w:left="360"/>
    </w:pPr>
    <w:rPr>
      <w:sz w:val="16"/>
      <w:szCs w:val="16"/>
    </w:rPr>
  </w:style>
  <w:style w:type="character" w:customStyle="1" w:styleId="BodyTextIndent3Char">
    <w:name w:val="Body Text Indent 3 Char"/>
    <w:link w:val="BodyTextIndent3"/>
    <w:uiPriority w:val="99"/>
    <w:semiHidden/>
    <w:rsid w:val="00514435"/>
    <w:rPr>
      <w:rFonts w:eastAsiaTheme="minorHAnsi" w:cstheme="minorBidi"/>
      <w:sz w:val="16"/>
      <w:szCs w:val="16"/>
      <w:lang w:eastAsia="en-US"/>
    </w:rPr>
  </w:style>
  <w:style w:type="paragraph" w:styleId="Caption">
    <w:name w:val="caption"/>
    <w:basedOn w:val="Normal"/>
    <w:next w:val="Normal"/>
    <w:uiPriority w:val="99"/>
    <w:semiHidden/>
    <w:rsid w:val="009719AF"/>
    <w:pPr>
      <w:spacing w:after="200"/>
    </w:pPr>
    <w:rPr>
      <w:b/>
      <w:bCs/>
      <w:color w:val="4F81BD"/>
      <w:sz w:val="18"/>
      <w:szCs w:val="18"/>
    </w:rPr>
  </w:style>
  <w:style w:type="paragraph" w:styleId="Closing">
    <w:name w:val="Closing"/>
    <w:basedOn w:val="Normal"/>
    <w:link w:val="ClosingChar"/>
    <w:uiPriority w:val="99"/>
    <w:semiHidden/>
    <w:rsid w:val="009719AF"/>
    <w:pPr>
      <w:ind w:left="4320"/>
    </w:pPr>
  </w:style>
  <w:style w:type="character" w:customStyle="1" w:styleId="ClosingChar">
    <w:name w:val="Closing Char"/>
    <w:link w:val="Closing"/>
    <w:uiPriority w:val="99"/>
    <w:semiHidden/>
    <w:rsid w:val="009719AF"/>
    <w:rPr>
      <w:rFonts w:eastAsiaTheme="minorHAnsi" w:cstheme="minorBidi"/>
      <w:sz w:val="22"/>
      <w:szCs w:val="22"/>
      <w:lang w:eastAsia="en-US"/>
    </w:rPr>
  </w:style>
  <w:style w:type="paragraph" w:styleId="CommentText">
    <w:name w:val="annotation text"/>
    <w:basedOn w:val="Normal"/>
    <w:link w:val="CommentTextChar"/>
    <w:uiPriority w:val="99"/>
    <w:semiHidden/>
    <w:rsid w:val="009719AF"/>
    <w:rPr>
      <w:sz w:val="20"/>
      <w:szCs w:val="20"/>
    </w:rPr>
  </w:style>
  <w:style w:type="character" w:customStyle="1" w:styleId="CommentTextChar">
    <w:name w:val="Comment Text Char"/>
    <w:link w:val="CommentText"/>
    <w:uiPriority w:val="99"/>
    <w:semiHidden/>
    <w:rsid w:val="009719AF"/>
    <w:rPr>
      <w:rFonts w:eastAsiaTheme="minorHAnsi" w:cstheme="minorBidi"/>
      <w:lang w:eastAsia="en-US"/>
    </w:rPr>
  </w:style>
  <w:style w:type="paragraph" w:styleId="CommentSubject">
    <w:name w:val="annotation subject"/>
    <w:basedOn w:val="CommentText"/>
    <w:next w:val="CommentText"/>
    <w:link w:val="CommentSubjectChar"/>
    <w:uiPriority w:val="99"/>
    <w:semiHidden/>
    <w:rsid w:val="009719AF"/>
    <w:rPr>
      <w:b/>
      <w:bCs/>
    </w:rPr>
  </w:style>
  <w:style w:type="character" w:customStyle="1" w:styleId="CommentSubjectChar">
    <w:name w:val="Comment Subject Char"/>
    <w:link w:val="CommentSubject"/>
    <w:uiPriority w:val="99"/>
    <w:semiHidden/>
    <w:rsid w:val="009719AF"/>
    <w:rPr>
      <w:rFonts w:eastAsiaTheme="minorHAnsi" w:cstheme="minorBidi"/>
      <w:b/>
      <w:bCs/>
      <w:lang w:eastAsia="en-US"/>
    </w:rPr>
  </w:style>
  <w:style w:type="paragraph" w:styleId="Date">
    <w:name w:val="Date"/>
    <w:basedOn w:val="Normal"/>
    <w:next w:val="Normal"/>
    <w:link w:val="DateChar"/>
    <w:uiPriority w:val="99"/>
    <w:semiHidden/>
    <w:rsid w:val="009719AF"/>
  </w:style>
  <w:style w:type="character" w:customStyle="1" w:styleId="DateChar">
    <w:name w:val="Date Char"/>
    <w:link w:val="Date"/>
    <w:uiPriority w:val="99"/>
    <w:semiHidden/>
    <w:rsid w:val="009719AF"/>
    <w:rPr>
      <w:rFonts w:eastAsiaTheme="minorHAnsi" w:cstheme="minorBidi"/>
      <w:sz w:val="22"/>
      <w:szCs w:val="22"/>
      <w:lang w:eastAsia="en-US"/>
    </w:rPr>
  </w:style>
  <w:style w:type="paragraph" w:styleId="DocumentMap">
    <w:name w:val="Document Map"/>
    <w:basedOn w:val="Normal"/>
    <w:link w:val="DocumentMapChar"/>
    <w:uiPriority w:val="99"/>
    <w:semiHidden/>
    <w:rsid w:val="009719AF"/>
    <w:rPr>
      <w:rFonts w:ascii="Tahoma" w:hAnsi="Tahoma" w:cs="Tahoma"/>
      <w:sz w:val="16"/>
      <w:szCs w:val="16"/>
    </w:rPr>
  </w:style>
  <w:style w:type="character" w:customStyle="1" w:styleId="DocumentMapChar">
    <w:name w:val="Document Map Char"/>
    <w:link w:val="DocumentMap"/>
    <w:uiPriority w:val="99"/>
    <w:semiHidden/>
    <w:rsid w:val="009719AF"/>
    <w:rPr>
      <w:rFonts w:ascii="Tahoma" w:eastAsiaTheme="minorHAnsi" w:hAnsi="Tahoma" w:cs="Tahoma"/>
      <w:sz w:val="16"/>
      <w:szCs w:val="16"/>
      <w:lang w:eastAsia="en-US"/>
    </w:rPr>
  </w:style>
  <w:style w:type="paragraph" w:styleId="E-mailSignature">
    <w:name w:val="E-mail Signature"/>
    <w:basedOn w:val="Normal"/>
    <w:link w:val="E-mailSignatureChar"/>
    <w:uiPriority w:val="99"/>
    <w:semiHidden/>
    <w:rsid w:val="009719AF"/>
  </w:style>
  <w:style w:type="character" w:customStyle="1" w:styleId="E-mailSignatureChar">
    <w:name w:val="E-mail Signature Char"/>
    <w:link w:val="E-mailSignature"/>
    <w:uiPriority w:val="99"/>
    <w:semiHidden/>
    <w:rsid w:val="009719AF"/>
    <w:rPr>
      <w:rFonts w:eastAsiaTheme="minorHAnsi" w:cstheme="minorBidi"/>
      <w:sz w:val="22"/>
      <w:szCs w:val="22"/>
      <w:lang w:eastAsia="en-US"/>
    </w:rPr>
  </w:style>
  <w:style w:type="paragraph" w:styleId="EnvelopeAddress">
    <w:name w:val="envelope address"/>
    <w:basedOn w:val="Normal"/>
    <w:uiPriority w:val="99"/>
    <w:semiHidden/>
    <w:rsid w:val="009719AF"/>
    <w:pPr>
      <w:framePr w:w="7920" w:h="1980" w:hRule="exact" w:hSpace="180" w:wrap="auto" w:hAnchor="page" w:xAlign="center" w:yAlign="bottom"/>
      <w:ind w:left="2880"/>
    </w:pPr>
    <w:rPr>
      <w:rFonts w:ascii="Cambria" w:hAnsi="Cambria"/>
    </w:rPr>
  </w:style>
  <w:style w:type="paragraph" w:styleId="EnvelopeReturn">
    <w:name w:val="envelope return"/>
    <w:basedOn w:val="Normal"/>
    <w:uiPriority w:val="99"/>
    <w:semiHidden/>
    <w:rsid w:val="009719AF"/>
    <w:rPr>
      <w:rFonts w:ascii="Cambria" w:hAnsi="Cambria"/>
      <w:sz w:val="20"/>
      <w:szCs w:val="20"/>
    </w:rPr>
  </w:style>
  <w:style w:type="paragraph" w:styleId="HTMLAddress">
    <w:name w:val="HTML Address"/>
    <w:basedOn w:val="Normal"/>
    <w:link w:val="HTMLAddressChar"/>
    <w:uiPriority w:val="99"/>
    <w:semiHidden/>
    <w:rsid w:val="009719AF"/>
    <w:rPr>
      <w:i/>
      <w:iCs/>
    </w:rPr>
  </w:style>
  <w:style w:type="character" w:customStyle="1" w:styleId="HTMLAddressChar">
    <w:name w:val="HTML Address Char"/>
    <w:link w:val="HTMLAddress"/>
    <w:uiPriority w:val="99"/>
    <w:semiHidden/>
    <w:rsid w:val="009719AF"/>
    <w:rPr>
      <w:rFonts w:eastAsiaTheme="minorHAnsi" w:cstheme="minorBidi"/>
      <w:i/>
      <w:iCs/>
      <w:sz w:val="22"/>
      <w:szCs w:val="22"/>
      <w:lang w:eastAsia="en-US"/>
    </w:rPr>
  </w:style>
  <w:style w:type="paragraph" w:styleId="HTMLPreformatted">
    <w:name w:val="HTML Preformatted"/>
    <w:basedOn w:val="Normal"/>
    <w:link w:val="HTMLPreformattedChar"/>
    <w:uiPriority w:val="99"/>
    <w:semiHidden/>
    <w:rsid w:val="009719AF"/>
    <w:rPr>
      <w:sz w:val="20"/>
      <w:szCs w:val="20"/>
    </w:rPr>
  </w:style>
  <w:style w:type="character" w:customStyle="1" w:styleId="HTMLPreformattedChar">
    <w:name w:val="HTML Preformatted Char"/>
    <w:link w:val="HTMLPreformatted"/>
    <w:uiPriority w:val="99"/>
    <w:semiHidden/>
    <w:rsid w:val="009719AF"/>
    <w:rPr>
      <w:rFonts w:eastAsiaTheme="minorHAnsi" w:cstheme="minorBidi"/>
      <w:lang w:eastAsia="en-US"/>
    </w:rPr>
  </w:style>
  <w:style w:type="paragraph" w:styleId="Index1">
    <w:name w:val="index 1"/>
    <w:basedOn w:val="Normal"/>
    <w:next w:val="Normal"/>
    <w:autoRedefine/>
    <w:uiPriority w:val="99"/>
    <w:semiHidden/>
    <w:rsid w:val="009719AF"/>
    <w:pPr>
      <w:ind w:left="240" w:hanging="240"/>
    </w:pPr>
  </w:style>
  <w:style w:type="paragraph" w:styleId="Index2">
    <w:name w:val="index 2"/>
    <w:basedOn w:val="Normal"/>
    <w:next w:val="Normal"/>
    <w:autoRedefine/>
    <w:uiPriority w:val="99"/>
    <w:semiHidden/>
    <w:rsid w:val="009719AF"/>
    <w:pPr>
      <w:ind w:left="480" w:hanging="240"/>
    </w:pPr>
  </w:style>
  <w:style w:type="paragraph" w:styleId="Index3">
    <w:name w:val="index 3"/>
    <w:basedOn w:val="Normal"/>
    <w:next w:val="Normal"/>
    <w:autoRedefine/>
    <w:uiPriority w:val="99"/>
    <w:semiHidden/>
    <w:rsid w:val="009719AF"/>
    <w:pPr>
      <w:ind w:left="720" w:hanging="240"/>
    </w:pPr>
  </w:style>
  <w:style w:type="paragraph" w:styleId="Index4">
    <w:name w:val="index 4"/>
    <w:basedOn w:val="Normal"/>
    <w:next w:val="Normal"/>
    <w:autoRedefine/>
    <w:uiPriority w:val="99"/>
    <w:semiHidden/>
    <w:rsid w:val="009719AF"/>
    <w:pPr>
      <w:ind w:left="960" w:hanging="240"/>
    </w:pPr>
  </w:style>
  <w:style w:type="paragraph" w:styleId="Index5">
    <w:name w:val="index 5"/>
    <w:basedOn w:val="Normal"/>
    <w:next w:val="Normal"/>
    <w:autoRedefine/>
    <w:uiPriority w:val="99"/>
    <w:semiHidden/>
    <w:rsid w:val="009719AF"/>
    <w:pPr>
      <w:ind w:left="1200" w:hanging="240"/>
    </w:pPr>
  </w:style>
  <w:style w:type="paragraph" w:styleId="Index6">
    <w:name w:val="index 6"/>
    <w:basedOn w:val="Normal"/>
    <w:next w:val="Normal"/>
    <w:autoRedefine/>
    <w:uiPriority w:val="99"/>
    <w:semiHidden/>
    <w:rsid w:val="009719AF"/>
    <w:pPr>
      <w:ind w:left="1440" w:hanging="240"/>
    </w:pPr>
  </w:style>
  <w:style w:type="paragraph" w:styleId="Index7">
    <w:name w:val="index 7"/>
    <w:basedOn w:val="Normal"/>
    <w:next w:val="Normal"/>
    <w:autoRedefine/>
    <w:uiPriority w:val="99"/>
    <w:semiHidden/>
    <w:rsid w:val="009719AF"/>
    <w:pPr>
      <w:ind w:left="1680" w:hanging="240"/>
    </w:pPr>
  </w:style>
  <w:style w:type="paragraph" w:styleId="Index8">
    <w:name w:val="index 8"/>
    <w:basedOn w:val="Normal"/>
    <w:next w:val="Normal"/>
    <w:autoRedefine/>
    <w:uiPriority w:val="99"/>
    <w:semiHidden/>
    <w:rsid w:val="009719AF"/>
    <w:pPr>
      <w:ind w:left="1920" w:hanging="240"/>
    </w:pPr>
  </w:style>
  <w:style w:type="paragraph" w:styleId="Index9">
    <w:name w:val="index 9"/>
    <w:basedOn w:val="Normal"/>
    <w:next w:val="Normal"/>
    <w:autoRedefine/>
    <w:uiPriority w:val="99"/>
    <w:semiHidden/>
    <w:rsid w:val="009719AF"/>
    <w:pPr>
      <w:ind w:left="2160" w:hanging="240"/>
    </w:pPr>
  </w:style>
  <w:style w:type="paragraph" w:styleId="IndexHeading">
    <w:name w:val="index heading"/>
    <w:basedOn w:val="Normal"/>
    <w:next w:val="Index1"/>
    <w:uiPriority w:val="99"/>
    <w:semiHidden/>
    <w:rsid w:val="009719AF"/>
    <w:rPr>
      <w:rFonts w:ascii="Cambria" w:hAnsi="Cambria"/>
      <w:b/>
      <w:bCs/>
    </w:rPr>
  </w:style>
  <w:style w:type="paragraph" w:styleId="List">
    <w:name w:val="List"/>
    <w:basedOn w:val="Normal"/>
    <w:uiPriority w:val="99"/>
    <w:semiHidden/>
    <w:rsid w:val="009719AF"/>
    <w:pPr>
      <w:ind w:left="360" w:hanging="360"/>
      <w:contextualSpacing/>
    </w:pPr>
  </w:style>
  <w:style w:type="paragraph" w:styleId="List2">
    <w:name w:val="List 2"/>
    <w:basedOn w:val="Normal"/>
    <w:uiPriority w:val="99"/>
    <w:semiHidden/>
    <w:rsid w:val="009719AF"/>
    <w:pPr>
      <w:ind w:left="720" w:hanging="360"/>
      <w:contextualSpacing/>
    </w:pPr>
  </w:style>
  <w:style w:type="paragraph" w:styleId="List3">
    <w:name w:val="List 3"/>
    <w:basedOn w:val="Normal"/>
    <w:uiPriority w:val="99"/>
    <w:semiHidden/>
    <w:rsid w:val="009719AF"/>
    <w:pPr>
      <w:ind w:left="1080" w:hanging="360"/>
      <w:contextualSpacing/>
    </w:pPr>
  </w:style>
  <w:style w:type="paragraph" w:styleId="List4">
    <w:name w:val="List 4"/>
    <w:basedOn w:val="Normal"/>
    <w:uiPriority w:val="99"/>
    <w:semiHidden/>
    <w:rsid w:val="009719AF"/>
    <w:pPr>
      <w:ind w:left="1440" w:hanging="360"/>
      <w:contextualSpacing/>
    </w:pPr>
  </w:style>
  <w:style w:type="paragraph" w:styleId="List5">
    <w:name w:val="List 5"/>
    <w:basedOn w:val="Normal"/>
    <w:uiPriority w:val="99"/>
    <w:semiHidden/>
    <w:rsid w:val="009719AF"/>
    <w:pPr>
      <w:ind w:left="1800" w:hanging="360"/>
      <w:contextualSpacing/>
    </w:pPr>
  </w:style>
  <w:style w:type="paragraph" w:styleId="ListContinue">
    <w:name w:val="List Continue"/>
    <w:basedOn w:val="Normal"/>
    <w:uiPriority w:val="99"/>
    <w:semiHidden/>
    <w:rsid w:val="009719AF"/>
    <w:pPr>
      <w:spacing w:after="120"/>
      <w:ind w:left="360"/>
      <w:contextualSpacing/>
    </w:pPr>
  </w:style>
  <w:style w:type="paragraph" w:styleId="ListContinue2">
    <w:name w:val="List Continue 2"/>
    <w:basedOn w:val="Normal"/>
    <w:uiPriority w:val="99"/>
    <w:semiHidden/>
    <w:rsid w:val="009719AF"/>
    <w:pPr>
      <w:spacing w:after="120"/>
      <w:ind w:left="720"/>
      <w:contextualSpacing/>
    </w:pPr>
  </w:style>
  <w:style w:type="paragraph" w:styleId="ListContinue3">
    <w:name w:val="List Continue 3"/>
    <w:basedOn w:val="Normal"/>
    <w:uiPriority w:val="99"/>
    <w:semiHidden/>
    <w:rsid w:val="009719AF"/>
    <w:pPr>
      <w:spacing w:after="120"/>
      <w:ind w:left="1080"/>
      <w:contextualSpacing/>
    </w:pPr>
  </w:style>
  <w:style w:type="paragraph" w:styleId="ListContinue4">
    <w:name w:val="List Continue 4"/>
    <w:basedOn w:val="Normal"/>
    <w:uiPriority w:val="99"/>
    <w:semiHidden/>
    <w:rsid w:val="009719AF"/>
    <w:pPr>
      <w:spacing w:after="120"/>
      <w:ind w:left="1440"/>
      <w:contextualSpacing/>
    </w:pPr>
  </w:style>
  <w:style w:type="paragraph" w:styleId="ListContinue5">
    <w:name w:val="List Continue 5"/>
    <w:basedOn w:val="Normal"/>
    <w:uiPriority w:val="99"/>
    <w:semiHidden/>
    <w:rsid w:val="009719AF"/>
    <w:pPr>
      <w:spacing w:after="120"/>
      <w:ind w:left="1800"/>
      <w:contextualSpacing/>
    </w:pPr>
  </w:style>
  <w:style w:type="paragraph" w:styleId="ListParagraph">
    <w:name w:val="List Paragraph"/>
    <w:basedOn w:val="Normal"/>
    <w:uiPriority w:val="1"/>
    <w:qFormat/>
    <w:rsid w:val="009719AF"/>
    <w:pPr>
      <w:ind w:left="720"/>
      <w:contextualSpacing/>
    </w:pPr>
  </w:style>
  <w:style w:type="paragraph" w:styleId="MacroText">
    <w:name w:val="macro"/>
    <w:link w:val="MacroTextChar"/>
    <w:uiPriority w:val="99"/>
    <w:semiHidden/>
    <w:rsid w:val="009719AF"/>
    <w:pPr>
      <w:tabs>
        <w:tab w:val="left" w:pos="480"/>
        <w:tab w:val="left" w:pos="960"/>
        <w:tab w:val="left" w:pos="1440"/>
        <w:tab w:val="left" w:pos="1920"/>
        <w:tab w:val="left" w:pos="2400"/>
        <w:tab w:val="left" w:pos="2880"/>
        <w:tab w:val="left" w:pos="3360"/>
        <w:tab w:val="left" w:pos="3840"/>
        <w:tab w:val="left" w:pos="4320"/>
      </w:tabs>
      <w:spacing w:before="90" w:after="150" w:line="264" w:lineRule="auto"/>
      <w:jc w:val="both"/>
    </w:pPr>
    <w:rPr>
      <w:sz w:val="23"/>
      <w:szCs w:val="23"/>
      <w:lang w:eastAsia="en-US"/>
    </w:rPr>
  </w:style>
  <w:style w:type="character" w:customStyle="1" w:styleId="MacroTextChar">
    <w:name w:val="Macro Text Char"/>
    <w:link w:val="MacroText"/>
    <w:uiPriority w:val="99"/>
    <w:semiHidden/>
    <w:rsid w:val="009719AF"/>
    <w:rPr>
      <w:sz w:val="23"/>
      <w:szCs w:val="23"/>
      <w:lang w:eastAsia="en-US"/>
    </w:rPr>
  </w:style>
  <w:style w:type="paragraph" w:styleId="MessageHeader">
    <w:name w:val="Message Header"/>
    <w:basedOn w:val="Normal"/>
    <w:link w:val="MessageHeaderChar"/>
    <w:uiPriority w:val="99"/>
    <w:semiHidden/>
    <w:rsid w:val="009719AF"/>
    <w:pPr>
      <w:pBdr>
        <w:top w:val="single" w:sz="6" w:space="1" w:color="auto"/>
        <w:left w:val="single" w:sz="6" w:space="1" w:color="auto"/>
        <w:bottom w:val="single" w:sz="6" w:space="1" w:color="auto"/>
        <w:right w:val="single" w:sz="6" w:space="1" w:color="auto"/>
      </w:pBdr>
      <w:shd w:val="pct20" w:color="auto" w:fill="auto"/>
      <w:ind w:left="1080" w:hanging="1080"/>
    </w:pPr>
    <w:rPr>
      <w:rFonts w:ascii="Cambria" w:hAnsi="Cambria"/>
    </w:rPr>
  </w:style>
  <w:style w:type="character" w:customStyle="1" w:styleId="MessageHeaderChar">
    <w:name w:val="Message Header Char"/>
    <w:link w:val="MessageHeader"/>
    <w:uiPriority w:val="99"/>
    <w:semiHidden/>
    <w:rsid w:val="009719AF"/>
    <w:rPr>
      <w:rFonts w:ascii="Cambria" w:eastAsiaTheme="minorHAnsi" w:hAnsi="Cambria" w:cstheme="minorBidi"/>
      <w:sz w:val="22"/>
      <w:szCs w:val="22"/>
      <w:shd w:val="pct20" w:color="auto" w:fill="auto"/>
      <w:lang w:eastAsia="en-US"/>
    </w:rPr>
  </w:style>
  <w:style w:type="paragraph" w:styleId="NoSpacing">
    <w:name w:val="No Spacing"/>
    <w:uiPriority w:val="99"/>
    <w:semiHidden/>
    <w:rsid w:val="009719AF"/>
    <w:pPr>
      <w:spacing w:before="90" w:after="150" w:line="264" w:lineRule="auto"/>
      <w:jc w:val="both"/>
    </w:pPr>
    <w:rPr>
      <w:sz w:val="24"/>
      <w:szCs w:val="24"/>
      <w:lang w:eastAsia="en-US"/>
    </w:rPr>
  </w:style>
  <w:style w:type="paragraph" w:styleId="NormalWeb">
    <w:name w:val="Normal (Web)"/>
    <w:basedOn w:val="Normal"/>
    <w:uiPriority w:val="99"/>
    <w:semiHidden/>
    <w:rsid w:val="009719AF"/>
  </w:style>
  <w:style w:type="paragraph" w:styleId="NormalIndent">
    <w:name w:val="Normal Indent"/>
    <w:basedOn w:val="Normal"/>
    <w:uiPriority w:val="99"/>
    <w:semiHidden/>
    <w:rsid w:val="009719AF"/>
    <w:pPr>
      <w:ind w:left="720"/>
    </w:pPr>
  </w:style>
  <w:style w:type="paragraph" w:styleId="NoteHeading">
    <w:name w:val="Note Heading"/>
    <w:basedOn w:val="Normal"/>
    <w:next w:val="Normal"/>
    <w:link w:val="NoteHeadingChar"/>
    <w:uiPriority w:val="99"/>
    <w:semiHidden/>
    <w:rsid w:val="009719AF"/>
  </w:style>
  <w:style w:type="character" w:customStyle="1" w:styleId="NoteHeadingChar">
    <w:name w:val="Note Heading Char"/>
    <w:link w:val="NoteHeading"/>
    <w:uiPriority w:val="99"/>
    <w:semiHidden/>
    <w:rsid w:val="009719AF"/>
    <w:rPr>
      <w:rFonts w:eastAsiaTheme="minorHAnsi" w:cstheme="minorBidi"/>
      <w:sz w:val="22"/>
      <w:szCs w:val="22"/>
      <w:lang w:eastAsia="en-US"/>
    </w:rPr>
  </w:style>
  <w:style w:type="paragraph" w:styleId="PlainText">
    <w:name w:val="Plain Text"/>
    <w:basedOn w:val="Normal"/>
    <w:link w:val="PlainTextChar"/>
    <w:uiPriority w:val="99"/>
    <w:semiHidden/>
    <w:rsid w:val="009719AF"/>
    <w:rPr>
      <w:sz w:val="21"/>
      <w:szCs w:val="21"/>
    </w:rPr>
  </w:style>
  <w:style w:type="character" w:customStyle="1" w:styleId="PlainTextChar">
    <w:name w:val="Plain Text Char"/>
    <w:link w:val="PlainText"/>
    <w:uiPriority w:val="99"/>
    <w:semiHidden/>
    <w:rsid w:val="009719AF"/>
    <w:rPr>
      <w:rFonts w:eastAsiaTheme="minorHAnsi" w:cstheme="minorBidi"/>
      <w:sz w:val="21"/>
      <w:szCs w:val="21"/>
      <w:lang w:eastAsia="en-US"/>
    </w:rPr>
  </w:style>
  <w:style w:type="paragraph" w:styleId="Quote">
    <w:name w:val="Quote"/>
    <w:basedOn w:val="Normal"/>
    <w:next w:val="Normal"/>
    <w:link w:val="QuoteChar"/>
    <w:uiPriority w:val="99"/>
    <w:semiHidden/>
    <w:rsid w:val="009719AF"/>
    <w:rPr>
      <w:i/>
      <w:iCs/>
      <w:color w:val="000000"/>
    </w:rPr>
  </w:style>
  <w:style w:type="character" w:customStyle="1" w:styleId="QuoteChar">
    <w:name w:val="Quote Char"/>
    <w:link w:val="Quote"/>
    <w:uiPriority w:val="99"/>
    <w:semiHidden/>
    <w:rsid w:val="009719AF"/>
    <w:rPr>
      <w:rFonts w:eastAsiaTheme="minorHAnsi" w:cstheme="minorBidi"/>
      <w:i/>
      <w:iCs/>
      <w:color w:val="000000"/>
      <w:sz w:val="22"/>
      <w:szCs w:val="22"/>
      <w:lang w:eastAsia="en-US"/>
    </w:rPr>
  </w:style>
  <w:style w:type="paragraph" w:styleId="Salutation">
    <w:name w:val="Salutation"/>
    <w:basedOn w:val="Normal"/>
    <w:next w:val="Normal"/>
    <w:link w:val="SalutationChar"/>
    <w:uiPriority w:val="99"/>
    <w:semiHidden/>
    <w:rsid w:val="009719AF"/>
  </w:style>
  <w:style w:type="character" w:customStyle="1" w:styleId="SalutationChar">
    <w:name w:val="Salutation Char"/>
    <w:link w:val="Salutation"/>
    <w:uiPriority w:val="99"/>
    <w:semiHidden/>
    <w:rsid w:val="009719AF"/>
    <w:rPr>
      <w:rFonts w:eastAsiaTheme="minorHAnsi" w:cstheme="minorBidi"/>
      <w:sz w:val="22"/>
      <w:szCs w:val="22"/>
      <w:lang w:eastAsia="en-US"/>
    </w:rPr>
  </w:style>
  <w:style w:type="paragraph" w:styleId="Signature">
    <w:name w:val="Signature"/>
    <w:basedOn w:val="Normal"/>
    <w:link w:val="SignatureChar"/>
    <w:uiPriority w:val="99"/>
    <w:semiHidden/>
    <w:rsid w:val="009719AF"/>
    <w:pPr>
      <w:ind w:left="4320"/>
    </w:pPr>
  </w:style>
  <w:style w:type="character" w:customStyle="1" w:styleId="SignatureChar">
    <w:name w:val="Signature Char"/>
    <w:link w:val="Signature"/>
    <w:uiPriority w:val="99"/>
    <w:semiHidden/>
    <w:rsid w:val="009719AF"/>
    <w:rPr>
      <w:rFonts w:eastAsiaTheme="minorHAnsi" w:cstheme="minorBidi"/>
      <w:sz w:val="22"/>
      <w:szCs w:val="22"/>
      <w:lang w:eastAsia="en-US"/>
    </w:rPr>
  </w:style>
  <w:style w:type="paragraph" w:styleId="Subtitle">
    <w:name w:val="Subtitle"/>
    <w:basedOn w:val="Normal"/>
    <w:next w:val="Normal"/>
    <w:link w:val="SubtitleChar"/>
    <w:uiPriority w:val="99"/>
    <w:semiHidden/>
    <w:rsid w:val="009719AF"/>
    <w:pPr>
      <w:numPr>
        <w:ilvl w:val="1"/>
      </w:numPr>
    </w:pPr>
    <w:rPr>
      <w:rFonts w:ascii="Cambria" w:hAnsi="Cambria"/>
      <w:i/>
      <w:iCs/>
      <w:color w:val="4F81BD"/>
      <w:spacing w:val="15"/>
    </w:rPr>
  </w:style>
  <w:style w:type="character" w:customStyle="1" w:styleId="SubtitleChar">
    <w:name w:val="Subtitle Char"/>
    <w:link w:val="Subtitle"/>
    <w:uiPriority w:val="99"/>
    <w:semiHidden/>
    <w:rsid w:val="009719AF"/>
    <w:rPr>
      <w:rFonts w:ascii="Cambria" w:eastAsiaTheme="minorHAnsi" w:hAnsi="Cambria" w:cstheme="minorBidi"/>
      <w:i/>
      <w:iCs/>
      <w:color w:val="4F81BD"/>
      <w:spacing w:val="15"/>
      <w:sz w:val="22"/>
      <w:szCs w:val="22"/>
      <w:lang w:eastAsia="en-US"/>
    </w:rPr>
  </w:style>
  <w:style w:type="paragraph" w:styleId="TableofAuthorities">
    <w:name w:val="table of authorities"/>
    <w:basedOn w:val="Normal"/>
    <w:next w:val="Normal"/>
    <w:uiPriority w:val="99"/>
    <w:semiHidden/>
    <w:rsid w:val="009719AF"/>
    <w:pPr>
      <w:ind w:left="240" w:hanging="240"/>
    </w:pPr>
  </w:style>
  <w:style w:type="paragraph" w:styleId="TableofFigures">
    <w:name w:val="table of figures"/>
    <w:basedOn w:val="Normal"/>
    <w:next w:val="Normal"/>
    <w:uiPriority w:val="99"/>
    <w:semiHidden/>
    <w:rsid w:val="009719AF"/>
  </w:style>
  <w:style w:type="paragraph" w:styleId="Title">
    <w:name w:val="Title"/>
    <w:basedOn w:val="Normal"/>
    <w:next w:val="Normal"/>
    <w:link w:val="TitleChar"/>
    <w:uiPriority w:val="10"/>
    <w:semiHidden/>
    <w:qFormat/>
    <w:rsid w:val="009719AF"/>
    <w:pPr>
      <w:spacing w:after="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semiHidden/>
    <w:rsid w:val="009719AF"/>
    <w:rPr>
      <w:rFonts w:asciiTheme="majorHAnsi" w:eastAsiaTheme="majorEastAsia" w:hAnsiTheme="majorHAnsi" w:cstheme="majorBidi"/>
      <w:spacing w:val="-10"/>
      <w:kern w:val="28"/>
      <w:sz w:val="56"/>
      <w:szCs w:val="56"/>
      <w:lang w:eastAsia="en-US"/>
    </w:rPr>
  </w:style>
  <w:style w:type="paragraph" w:styleId="TOAHeading">
    <w:name w:val="toa heading"/>
    <w:basedOn w:val="Normal"/>
    <w:next w:val="Normal"/>
    <w:uiPriority w:val="99"/>
    <w:semiHidden/>
    <w:rsid w:val="009719AF"/>
    <w:pPr>
      <w:spacing w:before="120"/>
    </w:pPr>
    <w:rPr>
      <w:rFonts w:ascii="Cambria" w:hAnsi="Cambria"/>
      <w:b/>
      <w:bCs/>
    </w:rPr>
  </w:style>
  <w:style w:type="character" w:styleId="Hyperlink">
    <w:name w:val="Hyperlink"/>
    <w:basedOn w:val="DefaultParagraphFont"/>
    <w:uiPriority w:val="99"/>
    <w:rsid w:val="009719AF"/>
    <w:rPr>
      <w:color w:val="0000FF" w:themeColor="hyperlink"/>
      <w:u w:val="single"/>
    </w:rPr>
  </w:style>
  <w:style w:type="character" w:customStyle="1" w:styleId="TOC1Char">
    <w:name w:val="TOC 1 Char"/>
    <w:link w:val="TOC1"/>
    <w:uiPriority w:val="39"/>
    <w:locked/>
    <w:rsid w:val="006F3238"/>
    <w:rPr>
      <w:rFonts w:eastAsiaTheme="minorHAnsi" w:cstheme="minorBidi"/>
      <w:sz w:val="22"/>
      <w:szCs w:val="22"/>
      <w:lang w:eastAsia="en-US"/>
    </w:rPr>
  </w:style>
  <w:style w:type="character" w:styleId="BookTitle">
    <w:name w:val="Book Title"/>
    <w:basedOn w:val="DefaultParagraphFont"/>
    <w:uiPriority w:val="99"/>
    <w:semiHidden/>
    <w:rsid w:val="009719AF"/>
    <w:rPr>
      <w:b/>
      <w:bCs/>
      <w:smallCaps/>
      <w:spacing w:val="5"/>
    </w:rPr>
  </w:style>
  <w:style w:type="character" w:styleId="CommentReference">
    <w:name w:val="annotation reference"/>
    <w:basedOn w:val="DefaultParagraphFont"/>
    <w:uiPriority w:val="99"/>
    <w:semiHidden/>
    <w:rsid w:val="009719AF"/>
    <w:rPr>
      <w:sz w:val="16"/>
      <w:szCs w:val="16"/>
    </w:rPr>
  </w:style>
  <w:style w:type="character" w:styleId="Emphasis">
    <w:name w:val="Emphasis"/>
    <w:basedOn w:val="DefaultParagraphFont"/>
    <w:uiPriority w:val="99"/>
    <w:semiHidden/>
    <w:rsid w:val="009719AF"/>
    <w:rPr>
      <w:i/>
      <w:iCs/>
    </w:rPr>
  </w:style>
  <w:style w:type="character" w:styleId="EndnoteReference">
    <w:name w:val="endnote reference"/>
    <w:basedOn w:val="DefaultParagraphFont"/>
    <w:uiPriority w:val="99"/>
    <w:semiHidden/>
    <w:rsid w:val="009719AF"/>
    <w:rPr>
      <w:vertAlign w:val="superscript"/>
    </w:rPr>
  </w:style>
  <w:style w:type="character" w:styleId="FollowedHyperlink">
    <w:name w:val="FollowedHyperlink"/>
    <w:basedOn w:val="DefaultParagraphFont"/>
    <w:uiPriority w:val="99"/>
    <w:semiHidden/>
    <w:rsid w:val="009719AF"/>
    <w:rPr>
      <w:color w:val="800080" w:themeColor="followedHyperlink"/>
      <w:u w:val="single"/>
    </w:rPr>
  </w:style>
  <w:style w:type="character" w:styleId="HTMLAcronym">
    <w:name w:val="HTML Acronym"/>
    <w:basedOn w:val="DefaultParagraphFont"/>
    <w:uiPriority w:val="99"/>
    <w:semiHidden/>
    <w:rsid w:val="009719AF"/>
  </w:style>
  <w:style w:type="character" w:styleId="HTMLCite">
    <w:name w:val="HTML Cite"/>
    <w:basedOn w:val="DefaultParagraphFont"/>
    <w:uiPriority w:val="99"/>
    <w:semiHidden/>
    <w:rsid w:val="009719AF"/>
    <w:rPr>
      <w:i/>
      <w:iCs/>
    </w:rPr>
  </w:style>
  <w:style w:type="character" w:styleId="HTMLCode">
    <w:name w:val="HTML Code"/>
    <w:basedOn w:val="DefaultParagraphFont"/>
    <w:uiPriority w:val="99"/>
    <w:semiHidden/>
    <w:rsid w:val="009719AF"/>
    <w:rPr>
      <w:sz w:val="20"/>
      <w:szCs w:val="20"/>
    </w:rPr>
  </w:style>
  <w:style w:type="character" w:styleId="HTMLDefinition">
    <w:name w:val="HTML Definition"/>
    <w:basedOn w:val="DefaultParagraphFont"/>
    <w:uiPriority w:val="99"/>
    <w:semiHidden/>
    <w:rsid w:val="009719AF"/>
    <w:rPr>
      <w:i/>
      <w:iCs/>
    </w:rPr>
  </w:style>
  <w:style w:type="character" w:styleId="HTMLKeyboard">
    <w:name w:val="HTML Keyboard"/>
    <w:basedOn w:val="DefaultParagraphFont"/>
    <w:uiPriority w:val="99"/>
    <w:semiHidden/>
    <w:rsid w:val="009719AF"/>
    <w:rPr>
      <w:sz w:val="20"/>
      <w:szCs w:val="20"/>
    </w:rPr>
  </w:style>
  <w:style w:type="character" w:styleId="HTMLSample">
    <w:name w:val="HTML Sample"/>
    <w:basedOn w:val="DefaultParagraphFont"/>
    <w:uiPriority w:val="99"/>
    <w:semiHidden/>
    <w:rsid w:val="009719AF"/>
    <w:rPr>
      <w:sz w:val="24"/>
      <w:szCs w:val="24"/>
    </w:rPr>
  </w:style>
  <w:style w:type="character" w:styleId="HTMLTypewriter">
    <w:name w:val="HTML Typewriter"/>
    <w:basedOn w:val="DefaultParagraphFont"/>
    <w:uiPriority w:val="99"/>
    <w:semiHidden/>
    <w:rsid w:val="009719AF"/>
    <w:rPr>
      <w:sz w:val="20"/>
      <w:szCs w:val="20"/>
    </w:rPr>
  </w:style>
  <w:style w:type="character" w:styleId="HTMLVariable">
    <w:name w:val="HTML Variable"/>
    <w:basedOn w:val="DefaultParagraphFont"/>
    <w:uiPriority w:val="99"/>
    <w:semiHidden/>
    <w:rsid w:val="009719AF"/>
    <w:rPr>
      <w:i/>
      <w:iCs/>
    </w:rPr>
  </w:style>
  <w:style w:type="character" w:styleId="IntenseEmphasis">
    <w:name w:val="Intense Emphasis"/>
    <w:basedOn w:val="DefaultParagraphFont"/>
    <w:uiPriority w:val="99"/>
    <w:semiHidden/>
    <w:rsid w:val="009719AF"/>
    <w:rPr>
      <w:b/>
      <w:bCs/>
      <w:i/>
      <w:iCs/>
      <w:color w:val="4F81BD" w:themeColor="accent1"/>
    </w:rPr>
  </w:style>
  <w:style w:type="character" w:styleId="IntenseReference">
    <w:name w:val="Intense Reference"/>
    <w:basedOn w:val="DefaultParagraphFont"/>
    <w:uiPriority w:val="99"/>
    <w:semiHidden/>
    <w:rsid w:val="009719AF"/>
    <w:rPr>
      <w:b/>
      <w:bCs/>
      <w:smallCaps/>
      <w:color w:val="C0504D" w:themeColor="accent2"/>
      <w:spacing w:val="5"/>
      <w:u w:val="single"/>
    </w:rPr>
  </w:style>
  <w:style w:type="character" w:styleId="LineNumber">
    <w:name w:val="line number"/>
    <w:basedOn w:val="DefaultParagraphFont"/>
    <w:uiPriority w:val="99"/>
    <w:semiHidden/>
    <w:rsid w:val="009719AF"/>
  </w:style>
  <w:style w:type="character" w:styleId="Strong">
    <w:name w:val="Strong"/>
    <w:basedOn w:val="DefaultParagraphFont"/>
    <w:uiPriority w:val="99"/>
    <w:semiHidden/>
    <w:rsid w:val="009719AF"/>
    <w:rPr>
      <w:b/>
      <w:bCs/>
    </w:rPr>
  </w:style>
  <w:style w:type="character" w:styleId="SubtleEmphasis">
    <w:name w:val="Subtle Emphasis"/>
    <w:basedOn w:val="DefaultParagraphFont"/>
    <w:uiPriority w:val="99"/>
    <w:semiHidden/>
    <w:rsid w:val="009719AF"/>
    <w:rPr>
      <w:i/>
      <w:iCs/>
      <w:color w:val="808080" w:themeColor="text1" w:themeTint="7F"/>
    </w:rPr>
  </w:style>
  <w:style w:type="character" w:styleId="SubtleReference">
    <w:name w:val="Subtle Reference"/>
    <w:basedOn w:val="DefaultParagraphFont"/>
    <w:uiPriority w:val="99"/>
    <w:semiHidden/>
    <w:rsid w:val="009719AF"/>
    <w:rPr>
      <w:smallCaps/>
      <w:color w:val="C0504D" w:themeColor="accent2"/>
      <w:u w:val="single"/>
    </w:rPr>
  </w:style>
  <w:style w:type="paragraph" w:customStyle="1" w:styleId="Background1">
    <w:name w:val="Background 1"/>
    <w:basedOn w:val="BodyText"/>
    <w:uiPriority w:val="6"/>
    <w:qFormat/>
    <w:rsid w:val="009719AF"/>
    <w:pPr>
      <w:numPr>
        <w:ilvl w:val="1"/>
        <w:numId w:val="4"/>
      </w:numPr>
    </w:pPr>
  </w:style>
  <w:style w:type="paragraph" w:customStyle="1" w:styleId="Background2">
    <w:name w:val="Background 2"/>
    <w:basedOn w:val="BodyText"/>
    <w:uiPriority w:val="6"/>
    <w:qFormat/>
    <w:rsid w:val="009719AF"/>
    <w:pPr>
      <w:numPr>
        <w:ilvl w:val="2"/>
        <w:numId w:val="4"/>
      </w:numPr>
    </w:pPr>
  </w:style>
  <w:style w:type="paragraph" w:customStyle="1" w:styleId="BodyText1">
    <w:name w:val="Body Text 1"/>
    <w:basedOn w:val="BodyText"/>
    <w:link w:val="BodyText1Char"/>
    <w:uiPriority w:val="24"/>
    <w:qFormat/>
    <w:rsid w:val="00514435"/>
  </w:style>
  <w:style w:type="character" w:customStyle="1" w:styleId="BodyText1Char">
    <w:name w:val="Body Text 1 Char"/>
    <w:basedOn w:val="BodyTextChar"/>
    <w:link w:val="BodyText1"/>
    <w:uiPriority w:val="24"/>
    <w:rsid w:val="00514435"/>
    <w:rPr>
      <w:rFonts w:eastAsiaTheme="minorHAnsi" w:cstheme="minorBidi"/>
      <w:sz w:val="23"/>
      <w:szCs w:val="22"/>
      <w:lang w:eastAsia="en-US"/>
    </w:rPr>
  </w:style>
  <w:style w:type="paragraph" w:customStyle="1" w:styleId="BodyText4">
    <w:name w:val="Body Text 4"/>
    <w:basedOn w:val="BodyText"/>
    <w:uiPriority w:val="4"/>
    <w:qFormat/>
    <w:rsid w:val="00514435"/>
    <w:pPr>
      <w:ind w:left="1701"/>
    </w:pPr>
  </w:style>
  <w:style w:type="paragraph" w:customStyle="1" w:styleId="BodyText5">
    <w:name w:val="Body Text 5"/>
    <w:basedOn w:val="BodyText"/>
    <w:uiPriority w:val="4"/>
    <w:qFormat/>
    <w:rsid w:val="00514435"/>
    <w:pPr>
      <w:ind w:left="2268"/>
    </w:pPr>
  </w:style>
  <w:style w:type="paragraph" w:customStyle="1" w:styleId="BodyText6">
    <w:name w:val="Body Text 6"/>
    <w:basedOn w:val="BodyText"/>
    <w:uiPriority w:val="4"/>
    <w:qFormat/>
    <w:rsid w:val="00514435"/>
    <w:pPr>
      <w:ind w:left="2835"/>
    </w:pPr>
  </w:style>
  <w:style w:type="paragraph" w:customStyle="1" w:styleId="Bullet1">
    <w:name w:val="Bullet 1"/>
    <w:basedOn w:val="BodyText"/>
    <w:uiPriority w:val="39"/>
    <w:qFormat/>
    <w:rsid w:val="009719AF"/>
    <w:pPr>
      <w:numPr>
        <w:numId w:val="1"/>
      </w:numPr>
    </w:pPr>
  </w:style>
  <w:style w:type="paragraph" w:customStyle="1" w:styleId="Bullet2">
    <w:name w:val="Bullet 2"/>
    <w:basedOn w:val="BodyText"/>
    <w:uiPriority w:val="39"/>
    <w:qFormat/>
    <w:rsid w:val="009719AF"/>
    <w:pPr>
      <w:numPr>
        <w:ilvl w:val="1"/>
        <w:numId w:val="1"/>
      </w:numPr>
    </w:pPr>
  </w:style>
  <w:style w:type="paragraph" w:customStyle="1" w:styleId="Bullet3">
    <w:name w:val="Bullet 3"/>
    <w:basedOn w:val="BodyText"/>
    <w:uiPriority w:val="39"/>
    <w:qFormat/>
    <w:rsid w:val="009719AF"/>
    <w:pPr>
      <w:numPr>
        <w:ilvl w:val="2"/>
        <w:numId w:val="1"/>
      </w:numPr>
    </w:pPr>
  </w:style>
  <w:style w:type="paragraph" w:customStyle="1" w:styleId="Bullet4">
    <w:name w:val="Bullet 4"/>
    <w:basedOn w:val="BodyText"/>
    <w:uiPriority w:val="39"/>
    <w:qFormat/>
    <w:rsid w:val="009719AF"/>
    <w:pPr>
      <w:numPr>
        <w:ilvl w:val="3"/>
        <w:numId w:val="1"/>
      </w:numPr>
    </w:pPr>
  </w:style>
  <w:style w:type="paragraph" w:customStyle="1" w:styleId="Bullet5">
    <w:name w:val="Bullet 5"/>
    <w:basedOn w:val="BodyText"/>
    <w:uiPriority w:val="39"/>
    <w:qFormat/>
    <w:rsid w:val="009719AF"/>
    <w:pPr>
      <w:numPr>
        <w:ilvl w:val="4"/>
        <w:numId w:val="1"/>
      </w:numPr>
    </w:pPr>
  </w:style>
  <w:style w:type="paragraph" w:customStyle="1" w:styleId="CoverDate">
    <w:name w:val="Cover Date"/>
    <w:basedOn w:val="BodyText"/>
    <w:uiPriority w:val="7"/>
    <w:semiHidden/>
    <w:rsid w:val="009719AF"/>
    <w:rPr>
      <w:b/>
      <w:bCs/>
      <w:sz w:val="28"/>
      <w:szCs w:val="28"/>
    </w:rPr>
  </w:style>
  <w:style w:type="paragraph" w:customStyle="1" w:styleId="CoverDocumentDescription">
    <w:name w:val="Cover Document Description"/>
    <w:basedOn w:val="BodyText"/>
    <w:uiPriority w:val="7"/>
    <w:semiHidden/>
    <w:rsid w:val="009719AF"/>
  </w:style>
  <w:style w:type="paragraph" w:customStyle="1" w:styleId="CoverDocumentTitle">
    <w:name w:val="Cover Document Title"/>
    <w:basedOn w:val="BodyText"/>
    <w:next w:val="CoverDocumentDescription"/>
    <w:uiPriority w:val="7"/>
    <w:semiHidden/>
    <w:rsid w:val="009719AF"/>
    <w:rPr>
      <w:sz w:val="32"/>
      <w:szCs w:val="36"/>
    </w:rPr>
  </w:style>
  <w:style w:type="paragraph" w:customStyle="1" w:styleId="CoverPartyName">
    <w:name w:val="Cover Party Name"/>
    <w:basedOn w:val="Normal"/>
    <w:next w:val="Normal"/>
    <w:uiPriority w:val="7"/>
    <w:semiHidden/>
    <w:rsid w:val="009719AF"/>
    <w:rPr>
      <w:b/>
      <w:bCs/>
      <w:szCs w:val="24"/>
    </w:rPr>
  </w:style>
  <w:style w:type="paragraph" w:customStyle="1" w:styleId="CoverPartyRole">
    <w:name w:val="Cover Party Role"/>
    <w:basedOn w:val="BodyText"/>
    <w:next w:val="CoverPartyName"/>
    <w:uiPriority w:val="7"/>
    <w:semiHidden/>
    <w:rsid w:val="009719AF"/>
    <w:rPr>
      <w:szCs w:val="24"/>
    </w:rPr>
  </w:style>
  <w:style w:type="paragraph" w:customStyle="1" w:styleId="CoverText">
    <w:name w:val="Cover Text"/>
    <w:basedOn w:val="BodyText"/>
    <w:uiPriority w:val="7"/>
    <w:semiHidden/>
    <w:rsid w:val="009719AF"/>
  </w:style>
  <w:style w:type="paragraph" w:customStyle="1" w:styleId="Definition1">
    <w:name w:val="Definition 1"/>
    <w:basedOn w:val="BodyText"/>
    <w:link w:val="Definition1Char"/>
    <w:uiPriority w:val="4"/>
    <w:qFormat/>
    <w:rsid w:val="009719AF"/>
    <w:pPr>
      <w:numPr>
        <w:ilvl w:val="1"/>
        <w:numId w:val="3"/>
      </w:numPr>
    </w:pPr>
  </w:style>
  <w:style w:type="character" w:customStyle="1" w:styleId="Definition1Char">
    <w:name w:val="Definition 1 Char"/>
    <w:basedOn w:val="BodyText2Char"/>
    <w:link w:val="Definition1"/>
    <w:uiPriority w:val="4"/>
    <w:rsid w:val="009719AF"/>
    <w:rPr>
      <w:rFonts w:eastAsiaTheme="minorHAnsi" w:cstheme="minorBidi"/>
      <w:sz w:val="23"/>
      <w:szCs w:val="22"/>
      <w:lang w:eastAsia="en-US"/>
    </w:rPr>
  </w:style>
  <w:style w:type="paragraph" w:customStyle="1" w:styleId="Definition2">
    <w:name w:val="Definition 2"/>
    <w:basedOn w:val="BodyText"/>
    <w:uiPriority w:val="4"/>
    <w:qFormat/>
    <w:rsid w:val="009719AF"/>
    <w:pPr>
      <w:numPr>
        <w:ilvl w:val="2"/>
        <w:numId w:val="3"/>
      </w:numPr>
    </w:pPr>
  </w:style>
  <w:style w:type="paragraph" w:customStyle="1" w:styleId="Definition3">
    <w:name w:val="Definition 3"/>
    <w:basedOn w:val="BodyText"/>
    <w:link w:val="Definition3Char"/>
    <w:uiPriority w:val="4"/>
    <w:qFormat/>
    <w:rsid w:val="009719AF"/>
    <w:pPr>
      <w:numPr>
        <w:ilvl w:val="3"/>
        <w:numId w:val="3"/>
      </w:numPr>
    </w:pPr>
  </w:style>
  <w:style w:type="character" w:customStyle="1" w:styleId="Definition3Char">
    <w:name w:val="Definition 3 Char"/>
    <w:basedOn w:val="BodyTextChar"/>
    <w:link w:val="Definition3"/>
    <w:uiPriority w:val="4"/>
    <w:rsid w:val="009719AF"/>
    <w:rPr>
      <w:rFonts w:eastAsiaTheme="minorHAnsi" w:cstheme="minorBidi"/>
      <w:sz w:val="23"/>
      <w:szCs w:val="22"/>
      <w:lang w:eastAsia="en-US"/>
    </w:rPr>
  </w:style>
  <w:style w:type="paragraph" w:customStyle="1" w:styleId="Definition4">
    <w:name w:val="Definition 4"/>
    <w:basedOn w:val="BodyText"/>
    <w:uiPriority w:val="4"/>
    <w:qFormat/>
    <w:rsid w:val="009719AF"/>
    <w:pPr>
      <w:numPr>
        <w:ilvl w:val="4"/>
        <w:numId w:val="3"/>
      </w:numPr>
    </w:pPr>
  </w:style>
  <w:style w:type="numbering" w:customStyle="1" w:styleId="Definitions">
    <w:name w:val="Definitions"/>
    <w:uiPriority w:val="99"/>
    <w:rsid w:val="009719AF"/>
    <w:pPr>
      <w:numPr>
        <w:numId w:val="3"/>
      </w:numPr>
    </w:pPr>
  </w:style>
  <w:style w:type="paragraph" w:customStyle="1" w:styleId="DocumentName">
    <w:name w:val="Document Name"/>
    <w:basedOn w:val="BodyText"/>
    <w:next w:val="Normal"/>
    <w:uiPriority w:val="7"/>
    <w:semiHidden/>
    <w:rsid w:val="009719AF"/>
    <w:pPr>
      <w:outlineLvl w:val="0"/>
    </w:pPr>
    <w:rPr>
      <w:b/>
      <w:bCs/>
      <w:sz w:val="28"/>
      <w:szCs w:val="32"/>
    </w:rPr>
  </w:style>
  <w:style w:type="paragraph" w:customStyle="1" w:styleId="Execution">
    <w:name w:val="Execution"/>
    <w:basedOn w:val="BodyText"/>
    <w:uiPriority w:val="39"/>
    <w:semiHidden/>
    <w:rsid w:val="009719AF"/>
  </w:style>
  <w:style w:type="paragraph" w:customStyle="1" w:styleId="Definition6">
    <w:name w:val="Definition 6"/>
    <w:basedOn w:val="BodyText"/>
    <w:uiPriority w:val="4"/>
    <w:rsid w:val="009719AF"/>
    <w:pPr>
      <w:numPr>
        <w:ilvl w:val="6"/>
        <w:numId w:val="3"/>
      </w:numPr>
    </w:pPr>
  </w:style>
  <w:style w:type="paragraph" w:customStyle="1" w:styleId="HeadingLevel1">
    <w:name w:val="Heading Level 1"/>
    <w:basedOn w:val="NumberLevel1"/>
    <w:next w:val="HeadingLevel2"/>
    <w:uiPriority w:val="9"/>
    <w:qFormat/>
    <w:rsid w:val="009719AF"/>
    <w:pPr>
      <w:keepNext/>
      <w:spacing w:before="240" w:after="0"/>
      <w:jc w:val="left"/>
      <w:outlineLvl w:val="0"/>
    </w:pPr>
    <w:rPr>
      <w:b/>
      <w:bCs w:val="0"/>
      <w:caps/>
      <w:szCs w:val="24"/>
    </w:rPr>
  </w:style>
  <w:style w:type="paragraph" w:customStyle="1" w:styleId="NumberLevel1">
    <w:name w:val="Number Level 1"/>
    <w:basedOn w:val="BodyText"/>
    <w:uiPriority w:val="19"/>
    <w:qFormat/>
    <w:rsid w:val="009719AF"/>
    <w:pPr>
      <w:numPr>
        <w:numId w:val="6"/>
      </w:numPr>
    </w:pPr>
    <w:rPr>
      <w:rFonts w:asciiTheme="minorHAnsi" w:hAnsiTheme="minorHAnsi"/>
      <w:bCs/>
    </w:rPr>
  </w:style>
  <w:style w:type="paragraph" w:customStyle="1" w:styleId="NumberLevel2">
    <w:name w:val="Number Level 2"/>
    <w:basedOn w:val="BodyText"/>
    <w:uiPriority w:val="19"/>
    <w:qFormat/>
    <w:rsid w:val="009719AF"/>
    <w:pPr>
      <w:numPr>
        <w:ilvl w:val="1"/>
        <w:numId w:val="6"/>
      </w:numPr>
    </w:pPr>
  </w:style>
  <w:style w:type="paragraph" w:customStyle="1" w:styleId="HeadingLevel2">
    <w:name w:val="Heading Level 2"/>
    <w:basedOn w:val="NumberLevel2"/>
    <w:next w:val="BodyText2"/>
    <w:uiPriority w:val="9"/>
    <w:qFormat/>
    <w:rsid w:val="009719AF"/>
    <w:pPr>
      <w:keepNext/>
      <w:spacing w:after="0"/>
      <w:jc w:val="left"/>
      <w:outlineLvl w:val="1"/>
    </w:pPr>
    <w:rPr>
      <w:b/>
      <w:bCs/>
    </w:rPr>
  </w:style>
  <w:style w:type="paragraph" w:customStyle="1" w:styleId="NumberLevel3">
    <w:name w:val="Number Level 3"/>
    <w:basedOn w:val="BodyText"/>
    <w:uiPriority w:val="19"/>
    <w:qFormat/>
    <w:rsid w:val="009719AF"/>
    <w:pPr>
      <w:numPr>
        <w:ilvl w:val="2"/>
        <w:numId w:val="6"/>
      </w:numPr>
    </w:pPr>
  </w:style>
  <w:style w:type="paragraph" w:customStyle="1" w:styleId="DefinitionInd6">
    <w:name w:val="Definition Ind 6"/>
    <w:basedOn w:val="BodyText"/>
    <w:uiPriority w:val="4"/>
    <w:rsid w:val="009719AF"/>
    <w:pPr>
      <w:numPr>
        <w:ilvl w:val="6"/>
        <w:numId w:val="2"/>
      </w:numPr>
    </w:pPr>
  </w:style>
  <w:style w:type="paragraph" w:customStyle="1" w:styleId="NumberLevel4">
    <w:name w:val="Number Level 4"/>
    <w:basedOn w:val="BodyText"/>
    <w:uiPriority w:val="19"/>
    <w:qFormat/>
    <w:rsid w:val="009719AF"/>
    <w:pPr>
      <w:numPr>
        <w:ilvl w:val="3"/>
        <w:numId w:val="6"/>
      </w:numPr>
    </w:pPr>
  </w:style>
  <w:style w:type="paragraph" w:customStyle="1" w:styleId="NumberLevel5">
    <w:name w:val="Number Level 5"/>
    <w:basedOn w:val="BodyText"/>
    <w:uiPriority w:val="19"/>
    <w:qFormat/>
    <w:rsid w:val="009719AF"/>
    <w:pPr>
      <w:numPr>
        <w:ilvl w:val="4"/>
        <w:numId w:val="6"/>
      </w:numPr>
    </w:pPr>
  </w:style>
  <w:style w:type="paragraph" w:customStyle="1" w:styleId="NumberLevel6">
    <w:name w:val="Number Level 6"/>
    <w:basedOn w:val="BodyText"/>
    <w:uiPriority w:val="19"/>
    <w:rsid w:val="009719AF"/>
    <w:pPr>
      <w:numPr>
        <w:ilvl w:val="5"/>
        <w:numId w:val="6"/>
      </w:numPr>
    </w:pPr>
  </w:style>
  <w:style w:type="paragraph" w:customStyle="1" w:styleId="NumberLevel7">
    <w:name w:val="Number Level 7"/>
    <w:basedOn w:val="BodyText"/>
    <w:uiPriority w:val="19"/>
    <w:rsid w:val="009719AF"/>
    <w:pPr>
      <w:numPr>
        <w:ilvl w:val="6"/>
        <w:numId w:val="6"/>
      </w:numPr>
    </w:pPr>
  </w:style>
  <w:style w:type="paragraph" w:customStyle="1" w:styleId="NumberLevel8">
    <w:name w:val="Number Level 8"/>
    <w:basedOn w:val="BodyText"/>
    <w:uiPriority w:val="19"/>
    <w:rsid w:val="009719AF"/>
    <w:pPr>
      <w:numPr>
        <w:ilvl w:val="7"/>
        <w:numId w:val="6"/>
      </w:numPr>
    </w:pPr>
  </w:style>
  <w:style w:type="numbering" w:customStyle="1" w:styleId="MainNumbering">
    <w:name w:val="Main Numbering"/>
    <w:uiPriority w:val="99"/>
    <w:rsid w:val="009719AF"/>
    <w:pPr>
      <w:numPr>
        <w:numId w:val="6"/>
      </w:numPr>
    </w:pPr>
  </w:style>
  <w:style w:type="paragraph" w:customStyle="1" w:styleId="Note">
    <w:name w:val="Note"/>
    <w:basedOn w:val="BodyText"/>
    <w:link w:val="NoteChar"/>
    <w:uiPriority w:val="19"/>
    <w:semiHidden/>
    <w:rsid w:val="009719AF"/>
    <w:pPr>
      <w:shd w:val="clear" w:color="auto" w:fill="F2DBDB" w:themeFill="accent2" w:themeFillTint="33"/>
      <w:ind w:left="720"/>
    </w:pPr>
    <w:rPr>
      <w:rFonts w:ascii="Arial" w:hAnsi="Arial" w:cs="Arabic Transparent"/>
      <w:sz w:val="17"/>
      <w:szCs w:val="17"/>
    </w:rPr>
  </w:style>
  <w:style w:type="character" w:customStyle="1" w:styleId="NoteChar">
    <w:name w:val="Note Char"/>
    <w:basedOn w:val="BodyTextChar"/>
    <w:link w:val="Note"/>
    <w:uiPriority w:val="19"/>
    <w:semiHidden/>
    <w:rsid w:val="009719AF"/>
    <w:rPr>
      <w:rFonts w:ascii="Arial" w:eastAsiaTheme="minorHAnsi" w:hAnsi="Arial" w:cs="Arabic Transparent"/>
      <w:sz w:val="17"/>
      <w:szCs w:val="17"/>
      <w:shd w:val="clear" w:color="auto" w:fill="F2DBDB" w:themeFill="accent2" w:themeFillTint="33"/>
      <w:lang w:eastAsia="en-US"/>
    </w:rPr>
  </w:style>
  <w:style w:type="paragraph" w:customStyle="1" w:styleId="SchedulePart2">
    <w:name w:val="Schedule Part 2"/>
    <w:basedOn w:val="BodyText"/>
    <w:next w:val="BodyText1"/>
    <w:uiPriority w:val="77"/>
    <w:qFormat/>
    <w:rsid w:val="002A410C"/>
    <w:pPr>
      <w:keepNext/>
      <w:numPr>
        <w:ilvl w:val="2"/>
        <w:numId w:val="26"/>
      </w:numPr>
      <w:spacing w:before="120" w:after="300"/>
      <w:jc w:val="center"/>
      <w:outlineLvl w:val="1"/>
    </w:pPr>
    <w:rPr>
      <w:rFonts w:eastAsia="Times New Roman" w:cs="Times New Roman"/>
      <w:b/>
      <w:bCs/>
      <w:szCs w:val="28"/>
    </w:rPr>
  </w:style>
  <w:style w:type="numbering" w:customStyle="1" w:styleId="Parties">
    <w:name w:val="Parties"/>
    <w:uiPriority w:val="99"/>
    <w:rsid w:val="009719AF"/>
    <w:pPr>
      <w:numPr>
        <w:numId w:val="4"/>
      </w:numPr>
    </w:pPr>
  </w:style>
  <w:style w:type="paragraph" w:customStyle="1" w:styleId="Parties1">
    <w:name w:val="Parties 1"/>
    <w:basedOn w:val="BodyText"/>
    <w:next w:val="Normal"/>
    <w:uiPriority w:val="14"/>
    <w:qFormat/>
    <w:rsid w:val="009719AF"/>
    <w:pPr>
      <w:numPr>
        <w:numId w:val="4"/>
      </w:numPr>
    </w:pPr>
  </w:style>
  <w:style w:type="table" w:customStyle="1" w:styleId="PrecedentNotes">
    <w:name w:val="Precedent Notes"/>
    <w:basedOn w:val="TableNormal"/>
    <w:uiPriority w:val="99"/>
    <w:rsid w:val="009719AF"/>
    <w:pPr>
      <w:spacing w:before="40" w:after="40"/>
    </w:pPr>
    <w:rPr>
      <w:rFonts w:ascii="Calibri" w:eastAsiaTheme="minorHAnsi" w:hAnsi="Calibri" w:cstheme="minorBidi"/>
      <w:sz w:val="18"/>
      <w:szCs w:val="22"/>
      <w:lang w:eastAsia="en-US"/>
    </w:rPr>
    <w:tblPr>
      <w:tblBorders>
        <w:top w:val="single" w:sz="4" w:space="0" w:color="EEECE1" w:themeColor="background2"/>
        <w:left w:val="single" w:sz="4" w:space="0" w:color="EEECE1" w:themeColor="background2"/>
        <w:bottom w:val="single" w:sz="4" w:space="0" w:color="EEECE1" w:themeColor="background2"/>
        <w:right w:val="single" w:sz="4" w:space="0" w:color="EEECE1" w:themeColor="background2"/>
        <w:insideH w:val="single" w:sz="4" w:space="0" w:color="EEECE1" w:themeColor="background2"/>
        <w:insideV w:val="single" w:sz="4" w:space="0" w:color="EEECE1" w:themeColor="background2"/>
      </w:tblBorders>
    </w:tblPr>
    <w:tblStylePr w:type="firstRow">
      <w:rPr>
        <w:b/>
      </w:rPr>
    </w:tblStylePr>
    <w:tblStylePr w:type="firstCol">
      <w:rPr>
        <w:b/>
      </w:rPr>
    </w:tblStylePr>
  </w:style>
  <w:style w:type="paragraph" w:customStyle="1" w:styleId="RestartNumbering">
    <w:name w:val="Restart Numbering"/>
    <w:basedOn w:val="Normal"/>
    <w:uiPriority w:val="19"/>
    <w:semiHidden/>
    <w:rsid w:val="009719AF"/>
  </w:style>
  <w:style w:type="paragraph" w:customStyle="1" w:styleId="SchNumber1">
    <w:name w:val="Sch Number 1"/>
    <w:basedOn w:val="BodyText"/>
    <w:uiPriority w:val="79"/>
    <w:qFormat/>
    <w:rsid w:val="002A410C"/>
    <w:pPr>
      <w:numPr>
        <w:ilvl w:val="3"/>
        <w:numId w:val="26"/>
      </w:numPr>
    </w:pPr>
    <w:rPr>
      <w:rFonts w:eastAsia="Times New Roman" w:cs="Times New Roman"/>
      <w:szCs w:val="20"/>
    </w:rPr>
  </w:style>
  <w:style w:type="paragraph" w:customStyle="1" w:styleId="SchHeading1">
    <w:name w:val="Sch Heading 1"/>
    <w:basedOn w:val="SchNumber1"/>
    <w:next w:val="SchHeading2"/>
    <w:uiPriority w:val="79"/>
    <w:qFormat/>
    <w:rsid w:val="002A410C"/>
    <w:pPr>
      <w:keepNext/>
      <w:jc w:val="left"/>
      <w:outlineLvl w:val="2"/>
    </w:pPr>
    <w:rPr>
      <w:rFonts w:ascii="Times New Roman Bold" w:hAnsi="Times New Roman Bold"/>
      <w:b/>
      <w:bCs/>
      <w:caps/>
      <w:szCs w:val="24"/>
    </w:rPr>
  </w:style>
  <w:style w:type="paragraph" w:customStyle="1" w:styleId="SchNumber2">
    <w:name w:val="Sch Number 2"/>
    <w:basedOn w:val="BodyText"/>
    <w:uiPriority w:val="79"/>
    <w:qFormat/>
    <w:rsid w:val="002A410C"/>
    <w:pPr>
      <w:numPr>
        <w:ilvl w:val="4"/>
        <w:numId w:val="26"/>
      </w:numPr>
    </w:pPr>
    <w:rPr>
      <w:rFonts w:eastAsia="Times New Roman" w:cs="Times New Roman"/>
      <w:szCs w:val="20"/>
    </w:rPr>
  </w:style>
  <w:style w:type="paragraph" w:customStyle="1" w:styleId="SchHeading2">
    <w:name w:val="Sch Heading 2"/>
    <w:basedOn w:val="SchNumber2"/>
    <w:next w:val="SchNumber3"/>
    <w:uiPriority w:val="79"/>
    <w:qFormat/>
    <w:rsid w:val="002A410C"/>
    <w:pPr>
      <w:keepNext/>
      <w:jc w:val="left"/>
    </w:pPr>
    <w:rPr>
      <w:b/>
      <w:bCs/>
    </w:rPr>
  </w:style>
  <w:style w:type="paragraph" w:customStyle="1" w:styleId="SchNumber3">
    <w:name w:val="Sch Number 3"/>
    <w:basedOn w:val="BodyText"/>
    <w:uiPriority w:val="79"/>
    <w:qFormat/>
    <w:rsid w:val="002A410C"/>
    <w:pPr>
      <w:numPr>
        <w:ilvl w:val="5"/>
        <w:numId w:val="26"/>
      </w:numPr>
    </w:pPr>
    <w:rPr>
      <w:rFonts w:eastAsia="Times New Roman" w:cs="Times New Roman"/>
      <w:szCs w:val="20"/>
    </w:rPr>
  </w:style>
  <w:style w:type="paragraph" w:customStyle="1" w:styleId="SchNumber4">
    <w:name w:val="Sch Number 4"/>
    <w:basedOn w:val="BodyText"/>
    <w:uiPriority w:val="79"/>
    <w:qFormat/>
    <w:rsid w:val="002A410C"/>
    <w:pPr>
      <w:numPr>
        <w:ilvl w:val="6"/>
        <w:numId w:val="26"/>
      </w:numPr>
    </w:pPr>
    <w:rPr>
      <w:rFonts w:eastAsia="Times New Roman" w:cs="Times New Roman"/>
      <w:szCs w:val="20"/>
    </w:rPr>
  </w:style>
  <w:style w:type="paragraph" w:customStyle="1" w:styleId="SchNumber5">
    <w:name w:val="Sch Number 5"/>
    <w:basedOn w:val="BodyText"/>
    <w:uiPriority w:val="79"/>
    <w:rsid w:val="002A410C"/>
    <w:pPr>
      <w:numPr>
        <w:ilvl w:val="7"/>
        <w:numId w:val="26"/>
      </w:numPr>
    </w:pPr>
    <w:rPr>
      <w:rFonts w:eastAsia="Times New Roman" w:cs="Times New Roman"/>
      <w:szCs w:val="20"/>
    </w:rPr>
  </w:style>
  <w:style w:type="paragraph" w:customStyle="1" w:styleId="SchNumber6">
    <w:name w:val="Sch Number 6"/>
    <w:basedOn w:val="BodyText"/>
    <w:uiPriority w:val="79"/>
    <w:rsid w:val="002A410C"/>
    <w:pPr>
      <w:numPr>
        <w:ilvl w:val="8"/>
        <w:numId w:val="26"/>
      </w:numPr>
    </w:pPr>
    <w:rPr>
      <w:rFonts w:eastAsia="Times New Roman" w:cs="Times New Roman"/>
      <w:szCs w:val="20"/>
    </w:rPr>
  </w:style>
  <w:style w:type="paragraph" w:customStyle="1" w:styleId="ScheduleTitle1">
    <w:name w:val="Schedule Title 1"/>
    <w:basedOn w:val="BodyText"/>
    <w:next w:val="BodyText1"/>
    <w:uiPriority w:val="76"/>
    <w:qFormat/>
    <w:rsid w:val="002A410C"/>
    <w:pPr>
      <w:keepNext/>
      <w:pageBreakBefore/>
      <w:numPr>
        <w:numId w:val="26"/>
      </w:numPr>
      <w:spacing w:before="120" w:after="300"/>
      <w:jc w:val="center"/>
      <w:outlineLvl w:val="0"/>
    </w:pPr>
    <w:rPr>
      <w:rFonts w:eastAsia="Times New Roman" w:cs="Times New Roman"/>
      <w:b/>
      <w:bCs/>
      <w:szCs w:val="32"/>
    </w:rPr>
  </w:style>
  <w:style w:type="numbering" w:customStyle="1" w:styleId="Schedules">
    <w:name w:val="Schedules"/>
    <w:uiPriority w:val="99"/>
    <w:rsid w:val="002A410C"/>
    <w:pPr>
      <w:numPr>
        <w:numId w:val="5"/>
      </w:numPr>
    </w:pPr>
  </w:style>
  <w:style w:type="paragraph" w:customStyle="1" w:styleId="Section">
    <w:name w:val="Section"/>
    <w:basedOn w:val="BodyText"/>
    <w:uiPriority w:val="24"/>
    <w:semiHidden/>
    <w:rsid w:val="009719AF"/>
    <w:pPr>
      <w:keepNext/>
      <w:outlineLvl w:val="0"/>
    </w:pPr>
    <w:rPr>
      <w:b/>
      <w:bCs/>
      <w:szCs w:val="24"/>
    </w:rPr>
  </w:style>
  <w:style w:type="paragraph" w:customStyle="1" w:styleId="BodyTextNS1">
    <w:name w:val="Body Text NS 1"/>
    <w:basedOn w:val="Normal"/>
    <w:uiPriority w:val="24"/>
    <w:rsid w:val="00514435"/>
    <w:pPr>
      <w:tabs>
        <w:tab w:val="left" w:pos="6750"/>
      </w:tabs>
      <w:spacing w:before="0" w:after="0"/>
      <w:jc w:val="left"/>
    </w:pPr>
    <w:rPr>
      <w:sz w:val="23"/>
    </w:rPr>
  </w:style>
  <w:style w:type="paragraph" w:customStyle="1" w:styleId="SubSchedule3">
    <w:name w:val="Sub Schedule 3"/>
    <w:basedOn w:val="BodyText"/>
    <w:next w:val="BodyText"/>
    <w:uiPriority w:val="78"/>
    <w:rsid w:val="002A410C"/>
    <w:pPr>
      <w:keepNext/>
      <w:numPr>
        <w:ilvl w:val="1"/>
        <w:numId w:val="26"/>
      </w:numPr>
      <w:spacing w:before="120" w:after="300"/>
      <w:jc w:val="center"/>
      <w:outlineLvl w:val="1"/>
    </w:pPr>
    <w:rPr>
      <w:rFonts w:eastAsia="Times New Roman" w:cs="Times New Roman"/>
      <w:b/>
      <w:bCs/>
      <w:szCs w:val="28"/>
    </w:rPr>
  </w:style>
  <w:style w:type="paragraph" w:customStyle="1" w:styleId="TOCSubHeading">
    <w:name w:val="TOC Sub Heading"/>
    <w:basedOn w:val="BodyText"/>
    <w:uiPriority w:val="39"/>
    <w:semiHidden/>
    <w:rsid w:val="009719AF"/>
    <w:pPr>
      <w:keepNext/>
    </w:pPr>
    <w:rPr>
      <w:b/>
      <w:bCs/>
    </w:rPr>
  </w:style>
  <w:style w:type="paragraph" w:customStyle="1" w:styleId="Background3">
    <w:name w:val="Background 3"/>
    <w:basedOn w:val="BodyText"/>
    <w:uiPriority w:val="6"/>
    <w:rsid w:val="009719AF"/>
    <w:pPr>
      <w:numPr>
        <w:ilvl w:val="3"/>
        <w:numId w:val="4"/>
      </w:numPr>
    </w:pPr>
  </w:style>
  <w:style w:type="paragraph" w:customStyle="1" w:styleId="Background4">
    <w:name w:val="Background 4"/>
    <w:basedOn w:val="BodyText"/>
    <w:uiPriority w:val="6"/>
    <w:rsid w:val="009719AF"/>
    <w:pPr>
      <w:numPr>
        <w:ilvl w:val="4"/>
        <w:numId w:val="4"/>
      </w:numPr>
    </w:pPr>
  </w:style>
  <w:style w:type="paragraph" w:customStyle="1" w:styleId="Background5">
    <w:name w:val="Background 5"/>
    <w:basedOn w:val="BodyText"/>
    <w:uiPriority w:val="6"/>
    <w:rsid w:val="009719AF"/>
    <w:pPr>
      <w:numPr>
        <w:ilvl w:val="5"/>
        <w:numId w:val="4"/>
      </w:numPr>
    </w:pPr>
  </w:style>
  <w:style w:type="paragraph" w:customStyle="1" w:styleId="Definition5">
    <w:name w:val="Definition 5"/>
    <w:basedOn w:val="BodyText"/>
    <w:uiPriority w:val="4"/>
    <w:rsid w:val="009719AF"/>
    <w:pPr>
      <w:numPr>
        <w:ilvl w:val="5"/>
        <w:numId w:val="3"/>
      </w:numPr>
    </w:pPr>
  </w:style>
  <w:style w:type="paragraph" w:customStyle="1" w:styleId="DefinitionInd">
    <w:name w:val="Definition Ind"/>
    <w:basedOn w:val="BodyText"/>
    <w:uiPriority w:val="4"/>
    <w:semiHidden/>
    <w:rsid w:val="009719AF"/>
    <w:pPr>
      <w:numPr>
        <w:numId w:val="2"/>
      </w:numPr>
    </w:pPr>
  </w:style>
  <w:style w:type="paragraph" w:customStyle="1" w:styleId="DefinitionInd1">
    <w:name w:val="Definition Ind 1"/>
    <w:basedOn w:val="BodyText"/>
    <w:uiPriority w:val="4"/>
    <w:rsid w:val="009719AF"/>
    <w:pPr>
      <w:numPr>
        <w:ilvl w:val="1"/>
        <w:numId w:val="2"/>
      </w:numPr>
    </w:pPr>
  </w:style>
  <w:style w:type="paragraph" w:customStyle="1" w:styleId="DefinitionInd2">
    <w:name w:val="Definition Ind 2"/>
    <w:basedOn w:val="BodyText"/>
    <w:uiPriority w:val="4"/>
    <w:rsid w:val="009719AF"/>
    <w:pPr>
      <w:numPr>
        <w:ilvl w:val="2"/>
        <w:numId w:val="2"/>
      </w:numPr>
    </w:pPr>
  </w:style>
  <w:style w:type="paragraph" w:customStyle="1" w:styleId="DefinitionInd3">
    <w:name w:val="Definition Ind 3"/>
    <w:basedOn w:val="BodyText"/>
    <w:uiPriority w:val="4"/>
    <w:rsid w:val="009719AF"/>
    <w:pPr>
      <w:numPr>
        <w:ilvl w:val="3"/>
        <w:numId w:val="2"/>
      </w:numPr>
    </w:pPr>
  </w:style>
  <w:style w:type="paragraph" w:customStyle="1" w:styleId="DefinitionInd4">
    <w:name w:val="Definition Ind 4"/>
    <w:basedOn w:val="BodyText"/>
    <w:uiPriority w:val="4"/>
    <w:rsid w:val="009719AF"/>
    <w:pPr>
      <w:numPr>
        <w:ilvl w:val="4"/>
        <w:numId w:val="2"/>
      </w:numPr>
    </w:pPr>
  </w:style>
  <w:style w:type="paragraph" w:customStyle="1" w:styleId="DefinitionInd5">
    <w:name w:val="Definition Ind 5"/>
    <w:basedOn w:val="BodyText"/>
    <w:uiPriority w:val="4"/>
    <w:rsid w:val="009719AF"/>
    <w:pPr>
      <w:numPr>
        <w:ilvl w:val="5"/>
        <w:numId w:val="2"/>
      </w:numPr>
    </w:pPr>
  </w:style>
  <w:style w:type="paragraph" w:customStyle="1" w:styleId="HeadingLevelLC1">
    <w:name w:val="Heading Level LC 1"/>
    <w:basedOn w:val="NumberLevel1"/>
    <w:next w:val="BodyText2"/>
    <w:uiPriority w:val="9"/>
    <w:qFormat/>
    <w:rsid w:val="009719AF"/>
    <w:pPr>
      <w:spacing w:before="0"/>
      <w:jc w:val="left"/>
    </w:pPr>
    <w:rPr>
      <w:rFonts w:ascii="Times New Roman" w:hAnsi="Times New Roman"/>
      <w:b/>
    </w:rPr>
  </w:style>
  <w:style w:type="paragraph" w:customStyle="1" w:styleId="SchHeadingLC1">
    <w:name w:val="Sch Heading LC 1"/>
    <w:basedOn w:val="SchHeading1"/>
    <w:next w:val="SchHeading2"/>
    <w:uiPriority w:val="79"/>
    <w:qFormat/>
    <w:rsid w:val="002A410C"/>
    <w:rPr>
      <w:caps w:val="0"/>
    </w:rPr>
  </w:style>
  <w:style w:type="paragraph" w:customStyle="1" w:styleId="Definition">
    <w:name w:val="Definition"/>
    <w:basedOn w:val="BodyText"/>
    <w:uiPriority w:val="99"/>
    <w:semiHidden/>
    <w:rsid w:val="009719AF"/>
    <w:pPr>
      <w:numPr>
        <w:numId w:val="3"/>
      </w:numPr>
    </w:pPr>
  </w:style>
  <w:style w:type="numbering" w:customStyle="1" w:styleId="Schedules2">
    <w:name w:val="Schedules2"/>
    <w:uiPriority w:val="99"/>
    <w:rsid w:val="005F72E3"/>
    <w:pPr>
      <w:numPr>
        <w:numId w:val="1"/>
      </w:numPr>
    </w:pPr>
  </w:style>
  <w:style w:type="paragraph" w:styleId="Revision">
    <w:name w:val="Revision"/>
    <w:hidden/>
    <w:uiPriority w:val="99"/>
    <w:semiHidden/>
    <w:rsid w:val="00FF3CD1"/>
    <w:rPr>
      <w:rFonts w:eastAsiaTheme="minorHAnsi" w:cstheme="minorBidi"/>
      <w:sz w:val="22"/>
      <w:szCs w:val="22"/>
      <w:lang w:eastAsia="en-US"/>
    </w:rPr>
  </w:style>
  <w:style w:type="paragraph" w:customStyle="1" w:styleId="Default">
    <w:name w:val="Default"/>
    <w:rsid w:val="007321B1"/>
    <w:pPr>
      <w:autoSpaceDE w:val="0"/>
      <w:autoSpaceDN w:val="0"/>
      <w:adjustRightInd w:val="0"/>
    </w:pPr>
    <w:rPr>
      <w:color w:val="000000"/>
      <w:sz w:val="24"/>
      <w:szCs w:val="24"/>
    </w:rPr>
  </w:style>
  <w:style w:type="character" w:customStyle="1" w:styleId="MTBTChar">
    <w:name w:val="MT BT Char"/>
    <w:link w:val="MTBT"/>
    <w:locked/>
    <w:rsid w:val="00F17523"/>
    <w:rPr>
      <w:sz w:val="23"/>
      <w:szCs w:val="24"/>
      <w:lang w:eastAsia="en-US"/>
    </w:rPr>
  </w:style>
  <w:style w:type="paragraph" w:customStyle="1" w:styleId="MTBT">
    <w:name w:val="MT BT"/>
    <w:link w:val="MTBTChar"/>
    <w:qFormat/>
    <w:rsid w:val="00F17523"/>
    <w:pPr>
      <w:suppressAutoHyphens/>
      <w:spacing w:before="90" w:after="150" w:line="264" w:lineRule="auto"/>
      <w:jc w:val="both"/>
    </w:pPr>
    <w:rPr>
      <w:sz w:val="23"/>
      <w:szCs w:val="24"/>
      <w:lang w:eastAsia="en-US"/>
    </w:rPr>
  </w:style>
  <w:style w:type="paragraph" w:customStyle="1" w:styleId="MTNum6">
    <w:name w:val="MT Num6"/>
    <w:basedOn w:val="Normal"/>
    <w:rsid w:val="00F17523"/>
    <w:pPr>
      <w:numPr>
        <w:ilvl w:val="6"/>
        <w:numId w:val="8"/>
      </w:numPr>
    </w:pPr>
    <w:rPr>
      <w:rFonts w:eastAsia="Times New Roman" w:cs="Times New Roman"/>
      <w:sz w:val="23"/>
      <w:szCs w:val="24"/>
    </w:rPr>
  </w:style>
  <w:style w:type="paragraph" w:customStyle="1" w:styleId="MTNum5">
    <w:name w:val="MT Num5"/>
    <w:basedOn w:val="Normal"/>
    <w:rsid w:val="00F17523"/>
    <w:pPr>
      <w:numPr>
        <w:ilvl w:val="5"/>
        <w:numId w:val="8"/>
      </w:numPr>
    </w:pPr>
    <w:rPr>
      <w:rFonts w:eastAsia="Times New Roman" w:cs="Times New Roman"/>
      <w:sz w:val="23"/>
      <w:szCs w:val="24"/>
    </w:rPr>
  </w:style>
  <w:style w:type="paragraph" w:customStyle="1" w:styleId="MTNum4">
    <w:name w:val="MT Num4"/>
    <w:basedOn w:val="Normal"/>
    <w:rsid w:val="00F17523"/>
    <w:pPr>
      <w:numPr>
        <w:ilvl w:val="4"/>
        <w:numId w:val="8"/>
      </w:numPr>
    </w:pPr>
    <w:rPr>
      <w:rFonts w:eastAsia="Times New Roman" w:cs="Times New Roman"/>
      <w:sz w:val="23"/>
      <w:szCs w:val="24"/>
    </w:rPr>
  </w:style>
  <w:style w:type="paragraph" w:customStyle="1" w:styleId="MTNum3">
    <w:name w:val="MT Num3"/>
    <w:basedOn w:val="Normal"/>
    <w:rsid w:val="00F17523"/>
    <w:pPr>
      <w:numPr>
        <w:ilvl w:val="3"/>
        <w:numId w:val="8"/>
      </w:numPr>
    </w:pPr>
    <w:rPr>
      <w:rFonts w:eastAsia="Times New Roman" w:cs="Times New Roman"/>
      <w:sz w:val="23"/>
      <w:szCs w:val="24"/>
    </w:rPr>
  </w:style>
  <w:style w:type="paragraph" w:customStyle="1" w:styleId="MTNum2">
    <w:name w:val="MT Num2"/>
    <w:basedOn w:val="Normal"/>
    <w:rsid w:val="00F17523"/>
    <w:pPr>
      <w:numPr>
        <w:ilvl w:val="2"/>
        <w:numId w:val="8"/>
      </w:numPr>
    </w:pPr>
    <w:rPr>
      <w:rFonts w:eastAsia="Times New Roman" w:cs="Times New Roman"/>
      <w:sz w:val="23"/>
      <w:szCs w:val="24"/>
    </w:rPr>
  </w:style>
  <w:style w:type="paragraph" w:customStyle="1" w:styleId="MTNum1">
    <w:name w:val="MT Num1"/>
    <w:basedOn w:val="Normal"/>
    <w:rsid w:val="00F17523"/>
    <w:pPr>
      <w:numPr>
        <w:ilvl w:val="1"/>
        <w:numId w:val="8"/>
      </w:numPr>
    </w:pPr>
    <w:rPr>
      <w:rFonts w:eastAsia="Times New Roman" w:cs="Times New Roman"/>
      <w:sz w:val="23"/>
      <w:szCs w:val="24"/>
    </w:rPr>
  </w:style>
  <w:style w:type="character" w:customStyle="1" w:styleId="MTNumChar">
    <w:name w:val="MT Num Char"/>
    <w:link w:val="MTNum"/>
    <w:locked/>
    <w:rsid w:val="00F17523"/>
    <w:rPr>
      <w:sz w:val="23"/>
      <w:szCs w:val="24"/>
      <w:lang w:eastAsia="en-US"/>
    </w:rPr>
  </w:style>
  <w:style w:type="paragraph" w:customStyle="1" w:styleId="MTNum">
    <w:name w:val="MT Num"/>
    <w:basedOn w:val="Normal"/>
    <w:link w:val="MTNumChar"/>
    <w:rsid w:val="00F17523"/>
    <w:pPr>
      <w:numPr>
        <w:numId w:val="8"/>
      </w:numPr>
    </w:pPr>
    <w:rPr>
      <w:rFonts w:eastAsia="Times New Roman" w:cs="Times New Roman"/>
      <w:sz w:val="23"/>
      <w:szCs w:val="24"/>
    </w:rPr>
  </w:style>
  <w:style w:type="paragraph" w:customStyle="1" w:styleId="MTLNSch9">
    <w:name w:val="MT LN Sch9"/>
    <w:basedOn w:val="Normal"/>
    <w:next w:val="MTBT"/>
    <w:rsid w:val="00F17523"/>
    <w:pPr>
      <w:pageBreakBefore/>
      <w:numPr>
        <w:ilvl w:val="8"/>
        <w:numId w:val="9"/>
      </w:numPr>
      <w:spacing w:before="0" w:after="300" w:line="288" w:lineRule="auto"/>
      <w:jc w:val="right"/>
      <w:outlineLvl w:val="8"/>
    </w:pPr>
    <w:rPr>
      <w:rFonts w:eastAsia="Times New Roman" w:cs="Times New Roman"/>
      <w:b/>
      <w:sz w:val="24"/>
      <w:szCs w:val="24"/>
    </w:rPr>
  </w:style>
  <w:style w:type="paragraph" w:customStyle="1" w:styleId="MTLNSch8">
    <w:name w:val="MT LN Sch8"/>
    <w:basedOn w:val="Normal"/>
    <w:next w:val="MTBT"/>
    <w:rsid w:val="00F17523"/>
    <w:pPr>
      <w:pageBreakBefore/>
      <w:numPr>
        <w:ilvl w:val="7"/>
        <w:numId w:val="9"/>
      </w:numPr>
      <w:spacing w:before="0" w:after="300" w:line="288" w:lineRule="auto"/>
      <w:jc w:val="center"/>
      <w:outlineLvl w:val="1"/>
    </w:pPr>
    <w:rPr>
      <w:rFonts w:eastAsia="Times New Roman" w:cs="Times New Roman"/>
      <w:b/>
      <w:sz w:val="23"/>
      <w:szCs w:val="24"/>
    </w:rPr>
  </w:style>
  <w:style w:type="paragraph" w:customStyle="1" w:styleId="MTLNSch7">
    <w:name w:val="MT LN Sch7"/>
    <w:basedOn w:val="Normal"/>
    <w:rsid w:val="00F17523"/>
    <w:pPr>
      <w:numPr>
        <w:ilvl w:val="6"/>
        <w:numId w:val="9"/>
      </w:numPr>
      <w:tabs>
        <w:tab w:val="clear" w:pos="2268"/>
      </w:tabs>
      <w:ind w:left="2520" w:hanging="360"/>
    </w:pPr>
    <w:rPr>
      <w:rFonts w:eastAsia="Times New Roman" w:cs="Times New Roman"/>
      <w:sz w:val="23"/>
      <w:szCs w:val="24"/>
    </w:rPr>
  </w:style>
  <w:style w:type="paragraph" w:customStyle="1" w:styleId="MTLNSch6">
    <w:name w:val="MT LN Sch6"/>
    <w:basedOn w:val="Normal"/>
    <w:rsid w:val="00F17523"/>
    <w:pPr>
      <w:numPr>
        <w:ilvl w:val="5"/>
        <w:numId w:val="9"/>
      </w:numPr>
      <w:tabs>
        <w:tab w:val="right" w:pos="1276"/>
      </w:tabs>
    </w:pPr>
    <w:rPr>
      <w:rFonts w:eastAsia="Times New Roman" w:cs="Times New Roman"/>
      <w:sz w:val="23"/>
      <w:szCs w:val="24"/>
    </w:rPr>
  </w:style>
  <w:style w:type="paragraph" w:customStyle="1" w:styleId="MTLNSch5">
    <w:name w:val="MT LN Sch5"/>
    <w:basedOn w:val="Normal"/>
    <w:rsid w:val="00F17523"/>
    <w:pPr>
      <w:numPr>
        <w:ilvl w:val="4"/>
        <w:numId w:val="9"/>
      </w:numPr>
    </w:pPr>
    <w:rPr>
      <w:rFonts w:eastAsia="Times New Roman" w:cs="Times New Roman"/>
      <w:sz w:val="23"/>
      <w:szCs w:val="24"/>
    </w:rPr>
  </w:style>
  <w:style w:type="paragraph" w:customStyle="1" w:styleId="MTLNSch4">
    <w:name w:val="MT LN Sch4"/>
    <w:basedOn w:val="Normal"/>
    <w:rsid w:val="00F17523"/>
    <w:pPr>
      <w:numPr>
        <w:ilvl w:val="3"/>
        <w:numId w:val="9"/>
      </w:numPr>
    </w:pPr>
    <w:rPr>
      <w:rFonts w:eastAsia="Times New Roman" w:cs="Times New Roman"/>
      <w:sz w:val="23"/>
      <w:szCs w:val="24"/>
    </w:rPr>
  </w:style>
  <w:style w:type="paragraph" w:customStyle="1" w:styleId="MTLNSch3">
    <w:name w:val="MT LN Sch3"/>
    <w:basedOn w:val="Normal"/>
    <w:rsid w:val="00F17523"/>
    <w:pPr>
      <w:numPr>
        <w:ilvl w:val="2"/>
        <w:numId w:val="9"/>
      </w:numPr>
    </w:pPr>
    <w:rPr>
      <w:rFonts w:eastAsia="Times New Roman" w:cs="Times New Roman"/>
      <w:sz w:val="23"/>
      <w:szCs w:val="24"/>
    </w:rPr>
  </w:style>
  <w:style w:type="paragraph" w:customStyle="1" w:styleId="MTLNSch2">
    <w:name w:val="MT LN Sch2"/>
    <w:basedOn w:val="Normal"/>
    <w:next w:val="Normal"/>
    <w:rsid w:val="00F17523"/>
    <w:pPr>
      <w:numPr>
        <w:ilvl w:val="1"/>
        <w:numId w:val="9"/>
      </w:numPr>
      <w:spacing w:before="120" w:after="300"/>
      <w:jc w:val="center"/>
      <w:outlineLvl w:val="4"/>
    </w:pPr>
    <w:rPr>
      <w:rFonts w:eastAsia="Times New Roman" w:cs="Times New Roman"/>
      <w:b/>
      <w:sz w:val="23"/>
      <w:szCs w:val="24"/>
    </w:rPr>
  </w:style>
  <w:style w:type="character" w:customStyle="1" w:styleId="MTLNSch1Char">
    <w:name w:val="MT LN Sch1 Char"/>
    <w:link w:val="MTLNSch1"/>
    <w:locked/>
    <w:rsid w:val="00F17523"/>
    <w:rPr>
      <w:b/>
      <w:sz w:val="23"/>
      <w:szCs w:val="24"/>
      <w:lang w:eastAsia="en-US"/>
    </w:rPr>
  </w:style>
  <w:style w:type="paragraph" w:customStyle="1" w:styleId="MTLNSch1">
    <w:name w:val="MT LN Sch1"/>
    <w:basedOn w:val="Normal"/>
    <w:next w:val="Normal"/>
    <w:link w:val="MTLNSch1Char"/>
    <w:rsid w:val="00F17523"/>
    <w:pPr>
      <w:pageBreakBefore/>
      <w:numPr>
        <w:numId w:val="9"/>
      </w:numPr>
      <w:spacing w:after="300" w:line="288" w:lineRule="auto"/>
      <w:jc w:val="center"/>
      <w:outlineLvl w:val="0"/>
    </w:pPr>
    <w:rPr>
      <w:rFonts w:eastAsia="Times New Roman" w:cs="Times New Roman"/>
      <w:b/>
      <w:sz w:val="23"/>
      <w:szCs w:val="24"/>
    </w:rPr>
  </w:style>
  <w:style w:type="paragraph" w:customStyle="1" w:styleId="MTDefs">
    <w:name w:val="MT Defs"/>
    <w:basedOn w:val="Normal"/>
    <w:link w:val="MTDefsChar"/>
    <w:qFormat/>
    <w:rsid w:val="0067266A"/>
    <w:pPr>
      <w:numPr>
        <w:numId w:val="10"/>
      </w:numPr>
    </w:pPr>
    <w:rPr>
      <w:rFonts w:eastAsia="Times New Roman" w:cs="Times New Roman"/>
      <w:sz w:val="23"/>
      <w:szCs w:val="24"/>
    </w:rPr>
  </w:style>
  <w:style w:type="paragraph" w:customStyle="1" w:styleId="MTDefs1">
    <w:name w:val="MT Defs1"/>
    <w:basedOn w:val="Normal"/>
    <w:uiPriority w:val="99"/>
    <w:rsid w:val="0067266A"/>
    <w:pPr>
      <w:numPr>
        <w:ilvl w:val="1"/>
        <w:numId w:val="10"/>
      </w:numPr>
      <w:tabs>
        <w:tab w:val="clear" w:pos="1134"/>
        <w:tab w:val="num" w:pos="360"/>
      </w:tabs>
      <w:ind w:left="0" w:firstLine="0"/>
    </w:pPr>
    <w:rPr>
      <w:rFonts w:eastAsia="Times New Roman" w:cs="Times New Roman"/>
      <w:sz w:val="23"/>
      <w:szCs w:val="24"/>
    </w:rPr>
  </w:style>
  <w:style w:type="paragraph" w:customStyle="1" w:styleId="MTDefs2">
    <w:name w:val="MT Defs2"/>
    <w:basedOn w:val="Normal"/>
    <w:uiPriority w:val="99"/>
    <w:rsid w:val="0067266A"/>
    <w:pPr>
      <w:numPr>
        <w:ilvl w:val="2"/>
        <w:numId w:val="10"/>
      </w:numPr>
      <w:tabs>
        <w:tab w:val="clear" w:pos="1701"/>
        <w:tab w:val="num" w:pos="360"/>
      </w:tabs>
      <w:ind w:left="0" w:firstLine="0"/>
    </w:pPr>
    <w:rPr>
      <w:rFonts w:eastAsia="Times New Roman" w:cs="Times New Roman"/>
      <w:sz w:val="23"/>
      <w:szCs w:val="24"/>
    </w:rPr>
  </w:style>
  <w:style w:type="paragraph" w:customStyle="1" w:styleId="MTDefs3">
    <w:name w:val="MT Defs3"/>
    <w:basedOn w:val="Normal"/>
    <w:uiPriority w:val="99"/>
    <w:rsid w:val="0067266A"/>
    <w:pPr>
      <w:numPr>
        <w:ilvl w:val="3"/>
        <w:numId w:val="10"/>
      </w:numPr>
      <w:tabs>
        <w:tab w:val="clear" w:pos="2268"/>
        <w:tab w:val="num" w:pos="360"/>
      </w:tabs>
      <w:ind w:left="0" w:firstLine="0"/>
    </w:pPr>
    <w:rPr>
      <w:rFonts w:eastAsia="Times New Roman" w:cs="Times New Roman"/>
      <w:sz w:val="23"/>
      <w:szCs w:val="24"/>
    </w:rPr>
  </w:style>
  <w:style w:type="paragraph" w:customStyle="1" w:styleId="MTDefs4">
    <w:name w:val="MT Defs4"/>
    <w:basedOn w:val="Normal"/>
    <w:uiPriority w:val="99"/>
    <w:rsid w:val="0067266A"/>
    <w:pPr>
      <w:numPr>
        <w:ilvl w:val="4"/>
        <w:numId w:val="10"/>
      </w:numPr>
      <w:tabs>
        <w:tab w:val="clear" w:pos="2835"/>
        <w:tab w:val="num" w:pos="360"/>
      </w:tabs>
      <w:ind w:left="0" w:firstLine="0"/>
    </w:pPr>
    <w:rPr>
      <w:rFonts w:eastAsia="Times New Roman" w:cs="Times New Roman"/>
      <w:sz w:val="23"/>
      <w:szCs w:val="24"/>
    </w:rPr>
  </w:style>
  <w:style w:type="paragraph" w:customStyle="1" w:styleId="MTDefs5">
    <w:name w:val="MT Defs5"/>
    <w:basedOn w:val="Normal"/>
    <w:uiPriority w:val="99"/>
    <w:rsid w:val="0067266A"/>
    <w:pPr>
      <w:numPr>
        <w:ilvl w:val="5"/>
        <w:numId w:val="10"/>
      </w:numPr>
      <w:tabs>
        <w:tab w:val="clear" w:pos="3402"/>
        <w:tab w:val="num" w:pos="360"/>
      </w:tabs>
      <w:ind w:left="0" w:firstLine="0"/>
    </w:pPr>
    <w:rPr>
      <w:rFonts w:eastAsia="Times New Roman" w:cs="Times New Roman"/>
      <w:sz w:val="23"/>
      <w:szCs w:val="24"/>
    </w:rPr>
  </w:style>
  <w:style w:type="character" w:customStyle="1" w:styleId="MTDefsChar">
    <w:name w:val="MT Defs Char"/>
    <w:basedOn w:val="MTBTChar"/>
    <w:link w:val="MTDefs"/>
    <w:rsid w:val="0067266A"/>
    <w:rPr>
      <w:sz w:val="23"/>
      <w:szCs w:val="24"/>
      <w:lang w:eastAsia="en-US"/>
    </w:rPr>
  </w:style>
  <w:style w:type="paragraph" w:customStyle="1" w:styleId="liDocID">
    <w:name w:val="liDocID"/>
    <w:basedOn w:val="Normal"/>
    <w:uiPriority w:val="99"/>
    <w:semiHidden/>
    <w:rsid w:val="006D4A74"/>
    <w:pPr>
      <w:tabs>
        <w:tab w:val="center" w:pos="4513"/>
        <w:tab w:val="right" w:pos="9026"/>
      </w:tabs>
      <w:spacing w:after="0" w:line="240" w:lineRule="auto"/>
      <w:jc w:val="left"/>
    </w:pPr>
    <w:rPr>
      <w:rFonts w:eastAsia="Times New Roman" w:cs="Times New Roman"/>
      <w:sz w:val="16"/>
      <w:szCs w:val="24"/>
    </w:rPr>
  </w:style>
  <w:style w:type="paragraph" w:customStyle="1" w:styleId="Coverpage">
    <w:name w:val="Coverpage"/>
    <w:basedOn w:val="BodyText1"/>
    <w:uiPriority w:val="99"/>
    <w:semiHidden/>
    <w:rsid w:val="006D4A74"/>
    <w:pPr>
      <w:framePr w:wrap="around" w:vAnchor="text" w:hAnchor="text" w:y="1"/>
      <w:spacing w:before="0" w:after="0"/>
      <w:ind w:left="1418" w:right="1418"/>
      <w:jc w:val="center"/>
    </w:pPr>
    <w:rPr>
      <w:b/>
    </w:rPr>
  </w:style>
  <w:style w:type="paragraph" w:customStyle="1" w:styleId="Bullet6">
    <w:name w:val="Bullet 6"/>
    <w:basedOn w:val="BodyText"/>
    <w:uiPriority w:val="39"/>
    <w:rsid w:val="006D4A74"/>
    <w:pPr>
      <w:ind w:left="3402" w:hanging="567"/>
    </w:pPr>
    <w:rPr>
      <w:rFonts w:eastAsia="Times New Roman" w:cs="Times New Roman"/>
      <w:szCs w:val="20"/>
    </w:rPr>
  </w:style>
  <w:style w:type="paragraph" w:customStyle="1" w:styleId="Bullet7">
    <w:name w:val="Bullet 7"/>
    <w:basedOn w:val="BodyText"/>
    <w:uiPriority w:val="39"/>
    <w:rsid w:val="006D4A74"/>
    <w:pPr>
      <w:ind w:left="3969" w:hanging="567"/>
    </w:pPr>
    <w:rPr>
      <w:rFonts w:eastAsia="Times New Roman" w:cs="Times New Roman"/>
      <w:szCs w:val="20"/>
    </w:rPr>
  </w:style>
  <w:style w:type="paragraph" w:customStyle="1" w:styleId="Bullet8">
    <w:name w:val="Bullet 8"/>
    <w:basedOn w:val="BodyText"/>
    <w:uiPriority w:val="39"/>
    <w:rsid w:val="006D4A74"/>
    <w:pPr>
      <w:ind w:left="4536" w:hanging="567"/>
    </w:pPr>
    <w:rPr>
      <w:rFonts w:eastAsia="Times New Roman" w:cs="Times New Roman"/>
      <w:szCs w:val="20"/>
    </w:rPr>
  </w:style>
  <w:style w:type="paragraph" w:customStyle="1" w:styleId="MTH9">
    <w:name w:val="MT H9"/>
    <w:basedOn w:val="Normal"/>
    <w:uiPriority w:val="4"/>
    <w:rsid w:val="00242BFB"/>
    <w:pPr>
      <w:numPr>
        <w:ilvl w:val="8"/>
        <w:numId w:val="13"/>
      </w:numPr>
      <w:spacing w:before="0" w:after="240" w:line="240" w:lineRule="auto"/>
      <w:jc w:val="left"/>
      <w:outlineLvl w:val="8"/>
    </w:pPr>
    <w:rPr>
      <w:sz w:val="24"/>
      <w:szCs w:val="24"/>
      <w:lang w:val="en-US"/>
    </w:rPr>
  </w:style>
  <w:style w:type="paragraph" w:customStyle="1" w:styleId="MTH8">
    <w:name w:val="MT H8"/>
    <w:basedOn w:val="Normal"/>
    <w:uiPriority w:val="4"/>
    <w:rsid w:val="00242BFB"/>
    <w:pPr>
      <w:numPr>
        <w:ilvl w:val="7"/>
        <w:numId w:val="13"/>
      </w:numPr>
      <w:spacing w:before="0" w:after="240" w:line="240" w:lineRule="auto"/>
      <w:jc w:val="left"/>
      <w:outlineLvl w:val="7"/>
    </w:pPr>
    <w:rPr>
      <w:sz w:val="24"/>
      <w:szCs w:val="24"/>
      <w:lang w:val="en-US"/>
    </w:rPr>
  </w:style>
  <w:style w:type="paragraph" w:customStyle="1" w:styleId="MTH7">
    <w:name w:val="MT H7"/>
    <w:basedOn w:val="Normal"/>
    <w:rsid w:val="00242BFB"/>
    <w:pPr>
      <w:numPr>
        <w:ilvl w:val="6"/>
        <w:numId w:val="13"/>
      </w:numPr>
      <w:spacing w:before="0" w:after="240" w:line="240" w:lineRule="auto"/>
      <w:jc w:val="left"/>
      <w:outlineLvl w:val="6"/>
    </w:pPr>
    <w:rPr>
      <w:sz w:val="24"/>
      <w:szCs w:val="24"/>
      <w:lang w:val="en-US"/>
    </w:rPr>
  </w:style>
  <w:style w:type="paragraph" w:customStyle="1" w:styleId="MTH6">
    <w:name w:val="MT H6"/>
    <w:basedOn w:val="Normal"/>
    <w:rsid w:val="00242BFB"/>
    <w:pPr>
      <w:numPr>
        <w:ilvl w:val="5"/>
        <w:numId w:val="13"/>
      </w:numPr>
      <w:spacing w:before="0" w:after="240" w:line="240" w:lineRule="auto"/>
      <w:jc w:val="left"/>
      <w:outlineLvl w:val="5"/>
    </w:pPr>
    <w:rPr>
      <w:sz w:val="24"/>
      <w:szCs w:val="24"/>
      <w:lang w:val="en-US"/>
    </w:rPr>
  </w:style>
  <w:style w:type="paragraph" w:customStyle="1" w:styleId="MTH5">
    <w:name w:val="MT H5"/>
    <w:basedOn w:val="Normal"/>
    <w:rsid w:val="00242BFB"/>
    <w:pPr>
      <w:numPr>
        <w:ilvl w:val="4"/>
        <w:numId w:val="13"/>
      </w:numPr>
      <w:spacing w:before="0" w:after="240" w:line="240" w:lineRule="auto"/>
      <w:jc w:val="left"/>
      <w:outlineLvl w:val="4"/>
    </w:pPr>
    <w:rPr>
      <w:sz w:val="24"/>
      <w:szCs w:val="24"/>
      <w:lang w:val="en-US"/>
    </w:rPr>
  </w:style>
  <w:style w:type="paragraph" w:customStyle="1" w:styleId="MTH4">
    <w:name w:val="MT H4"/>
    <w:basedOn w:val="Normal"/>
    <w:rsid w:val="00242BFB"/>
    <w:pPr>
      <w:numPr>
        <w:ilvl w:val="3"/>
        <w:numId w:val="13"/>
      </w:numPr>
      <w:spacing w:before="0" w:after="240" w:line="240" w:lineRule="auto"/>
      <w:outlineLvl w:val="3"/>
    </w:pPr>
    <w:rPr>
      <w:sz w:val="24"/>
      <w:szCs w:val="24"/>
      <w:lang w:val="en-US"/>
    </w:rPr>
  </w:style>
  <w:style w:type="character" w:customStyle="1" w:styleId="MTH3Char">
    <w:name w:val="MT H3 Char"/>
    <w:basedOn w:val="DefaultParagraphFont"/>
    <w:link w:val="MTH3"/>
    <w:locked/>
    <w:rsid w:val="00242BFB"/>
  </w:style>
  <w:style w:type="paragraph" w:customStyle="1" w:styleId="MTH3">
    <w:name w:val="MT H3"/>
    <w:basedOn w:val="Normal"/>
    <w:link w:val="MTH3Char"/>
    <w:rsid w:val="00242BFB"/>
    <w:pPr>
      <w:numPr>
        <w:ilvl w:val="2"/>
        <w:numId w:val="13"/>
      </w:numPr>
      <w:spacing w:before="0" w:after="240" w:line="240" w:lineRule="auto"/>
      <w:outlineLvl w:val="2"/>
    </w:pPr>
    <w:rPr>
      <w:rFonts w:eastAsia="Times New Roman" w:cs="Times New Roman"/>
      <w:sz w:val="20"/>
      <w:szCs w:val="20"/>
      <w:lang w:eastAsia="en-GB"/>
    </w:rPr>
  </w:style>
  <w:style w:type="paragraph" w:customStyle="1" w:styleId="MTH2">
    <w:name w:val="MT H2"/>
    <w:basedOn w:val="Normal"/>
    <w:rsid w:val="00242BFB"/>
    <w:pPr>
      <w:numPr>
        <w:ilvl w:val="1"/>
        <w:numId w:val="13"/>
      </w:numPr>
      <w:spacing w:before="0" w:after="240" w:line="240" w:lineRule="auto"/>
      <w:outlineLvl w:val="1"/>
    </w:pPr>
    <w:rPr>
      <w:sz w:val="24"/>
      <w:szCs w:val="24"/>
      <w:lang w:val="en-US"/>
    </w:rPr>
  </w:style>
  <w:style w:type="paragraph" w:customStyle="1" w:styleId="MTH1">
    <w:name w:val="MT H1"/>
    <w:basedOn w:val="Normal"/>
    <w:next w:val="MTH2"/>
    <w:rsid w:val="00242BFB"/>
    <w:pPr>
      <w:numPr>
        <w:numId w:val="13"/>
      </w:numPr>
      <w:spacing w:before="0" w:after="240" w:line="240" w:lineRule="auto"/>
      <w:jc w:val="center"/>
      <w:outlineLvl w:val="0"/>
    </w:pPr>
    <w:rPr>
      <w:b/>
      <w:caps/>
      <w:sz w:val="24"/>
      <w:szCs w:val="24"/>
      <w:lang w:val="en-US"/>
    </w:rPr>
  </w:style>
  <w:style w:type="character" w:styleId="UnresolvedMention">
    <w:name w:val="Unresolved Mention"/>
    <w:basedOn w:val="DefaultParagraphFont"/>
    <w:uiPriority w:val="99"/>
    <w:semiHidden/>
    <w:unhideWhenUsed/>
    <w:rsid w:val="007B61EF"/>
    <w:rPr>
      <w:color w:val="605E5C"/>
      <w:shd w:val="clear" w:color="auto" w:fill="E1DFDD"/>
    </w:rPr>
  </w:style>
  <w:style w:type="table" w:customStyle="1" w:styleId="TableGrid1">
    <w:name w:val="Table Grid1"/>
    <w:basedOn w:val="TableNormal"/>
    <w:next w:val="TableGrid"/>
    <w:uiPriority w:val="59"/>
    <w:rsid w:val="00EF3159"/>
    <w:rPr>
      <w:rFonts w:eastAsiaTheme="minorHAnsi" w:cstheme="minorBidi"/>
      <w:sz w:val="23"/>
      <w:szCs w:val="22"/>
      <w:lang w:eastAsia="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8253878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numbering" Target="numbering.xml" Id="rId2" /><Relationship Type="http://schemas.openxmlformats.org/officeDocument/2006/relationships/theme" Target="theme/theme1.xml" Id="rId16" /><Relationship Type="http://schemas.microsoft.com/office/2006/relationships/keyMapCustomizations" Target="customizations.xml" Id="rId1"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webSettings" Target="webSettings.xml" Id="rId5" /><Relationship Type="http://schemas.openxmlformats.org/officeDocument/2006/relationships/glossaryDocument" Target="glossary/document.xml" Id="rId15" /><Relationship Type="http://schemas.openxmlformats.org/officeDocument/2006/relationships/footer" Target="footer1.xml" Id="rId10"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fontTable" Target="fontTable.xml" Id="rId14" /><Relationship Type="http://schemas.openxmlformats.org/officeDocument/2006/relationships/customXml" Target="/customXML/item.xml" Id="imanage.xml" /></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docParts>
    <w:docPart>
      <w:docPartPr>
        <w:name w:val="53D0C8227E7D4531A21B14ABCFBBA408"/>
        <w:category>
          <w:name w:val="General"/>
          <w:gallery w:val="placeholder"/>
        </w:category>
        <w:types>
          <w:type w:val="bbPlcHdr"/>
        </w:types>
        <w:behaviors>
          <w:behavior w:val="content"/>
        </w:behaviors>
        <w:guid w:val="{0A2C6C11-F006-4CAF-85E3-EDAEDA5E4DF3}"/>
      </w:docPartPr>
      <w:docPartBody>
        <w:p w:rsidR="00110A36" w:rsidRDefault="00110A36"/>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imHei">
    <w:altName w:val="黑体"/>
    <w:panose1 w:val="02010609060101010101"/>
    <w:charset w:val="86"/>
    <w:family w:val="modern"/>
    <w:pitch w:val="fixed"/>
    <w:sig w:usb0="800002BF" w:usb1="38CF7CFA" w:usb2="00000016" w:usb3="00000000" w:csb0="00040001"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Arabic Transparent">
    <w:panose1 w:val="020B0604020202020204"/>
    <w:charset w:val="00"/>
    <w:family w:val="swiss"/>
    <w:pitch w:val="variable"/>
    <w:sig w:usb0="E0002EFF" w:usb1="C000785B" w:usb2="00000009" w:usb3="00000000" w:csb0="000001FF" w:csb1="00000000"/>
  </w:font>
  <w:font w:name="Times New Roman Bold">
    <w:altName w:val="Times New Roman"/>
    <w:panose1 w:val="02020803070505020304"/>
    <w:charset w:val="00"/>
    <w:family w:val="roman"/>
    <w:notTrueType/>
    <w:pitch w:val="default"/>
  </w:font>
  <w:font w:name="SimSun">
    <w:altName w:val="宋体"/>
    <w:panose1 w:val="02010600030101010101"/>
    <w:charset w:val="86"/>
    <w:family w:val="auto"/>
    <w:pitch w:val="variable"/>
    <w:sig w:usb0="00000203" w:usb1="288F0000" w:usb2="00000016" w:usb3="00000000" w:csb0="00040001"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view w:val="normal"/>
  <w:defaultTabStop w:val="720"/>
  <w:hyphenationZone w:val="425"/>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23377"/>
    <w:rsid w:val="00010746"/>
    <w:rsid w:val="0001606E"/>
    <w:rsid w:val="00017990"/>
    <w:rsid w:val="00017BE8"/>
    <w:rsid w:val="0002169E"/>
    <w:rsid w:val="00023377"/>
    <w:rsid w:val="00081E66"/>
    <w:rsid w:val="000E3537"/>
    <w:rsid w:val="00110A36"/>
    <w:rsid w:val="001451E7"/>
    <w:rsid w:val="001512A5"/>
    <w:rsid w:val="001E55D6"/>
    <w:rsid w:val="001F1FA9"/>
    <w:rsid w:val="00221698"/>
    <w:rsid w:val="0026675D"/>
    <w:rsid w:val="00266D00"/>
    <w:rsid w:val="002969FC"/>
    <w:rsid w:val="002B64E5"/>
    <w:rsid w:val="00324924"/>
    <w:rsid w:val="00395A04"/>
    <w:rsid w:val="00396507"/>
    <w:rsid w:val="003B6F4D"/>
    <w:rsid w:val="004047B8"/>
    <w:rsid w:val="004512F4"/>
    <w:rsid w:val="004746CA"/>
    <w:rsid w:val="004B0EE4"/>
    <w:rsid w:val="004E4E35"/>
    <w:rsid w:val="004F464C"/>
    <w:rsid w:val="00504EFF"/>
    <w:rsid w:val="005257D3"/>
    <w:rsid w:val="005438F2"/>
    <w:rsid w:val="00544395"/>
    <w:rsid w:val="00565254"/>
    <w:rsid w:val="00592E4F"/>
    <w:rsid w:val="005B7E9C"/>
    <w:rsid w:val="005D09A2"/>
    <w:rsid w:val="005E7F01"/>
    <w:rsid w:val="00622535"/>
    <w:rsid w:val="006317AC"/>
    <w:rsid w:val="006D1A7D"/>
    <w:rsid w:val="007A0AE1"/>
    <w:rsid w:val="007A5FC3"/>
    <w:rsid w:val="007B65B4"/>
    <w:rsid w:val="00824870"/>
    <w:rsid w:val="0082750F"/>
    <w:rsid w:val="00834AE9"/>
    <w:rsid w:val="00845BDC"/>
    <w:rsid w:val="00865C5A"/>
    <w:rsid w:val="00912159"/>
    <w:rsid w:val="009126FC"/>
    <w:rsid w:val="009275A7"/>
    <w:rsid w:val="009442F0"/>
    <w:rsid w:val="009942AB"/>
    <w:rsid w:val="009A5C7F"/>
    <w:rsid w:val="009A72FB"/>
    <w:rsid w:val="009F46D1"/>
    <w:rsid w:val="00A169AC"/>
    <w:rsid w:val="00A71937"/>
    <w:rsid w:val="00A82A79"/>
    <w:rsid w:val="00A87017"/>
    <w:rsid w:val="00A93813"/>
    <w:rsid w:val="00AF7DC3"/>
    <w:rsid w:val="00B1714D"/>
    <w:rsid w:val="00B230FD"/>
    <w:rsid w:val="00B27ACC"/>
    <w:rsid w:val="00BC18E3"/>
    <w:rsid w:val="00BC4620"/>
    <w:rsid w:val="00BF2FB3"/>
    <w:rsid w:val="00C3080C"/>
    <w:rsid w:val="00C64978"/>
    <w:rsid w:val="00C66067"/>
    <w:rsid w:val="00C77934"/>
    <w:rsid w:val="00C8514E"/>
    <w:rsid w:val="00C95E73"/>
    <w:rsid w:val="00CC4F09"/>
    <w:rsid w:val="00D01074"/>
    <w:rsid w:val="00D33FF1"/>
    <w:rsid w:val="00DF76BB"/>
    <w:rsid w:val="00DF7E66"/>
    <w:rsid w:val="00E258AC"/>
    <w:rsid w:val="00E439C5"/>
    <w:rsid w:val="00E54B47"/>
    <w:rsid w:val="00E63E35"/>
    <w:rsid w:val="00E661BC"/>
    <w:rsid w:val="00EB7D59"/>
    <w:rsid w:val="00ED3BA5"/>
    <w:rsid w:val="00F20B40"/>
    <w:rsid w:val="00F4133B"/>
    <w:rsid w:val="00F613E1"/>
    <w:rsid w:val="00F658E7"/>
    <w:rsid w:val="00F879E7"/>
    <w:rsid w:val="00FA14B7"/>
    <w:rsid w:val="00FA532F"/>
    <w:rsid w:val="00FF4C3A"/>
  </w:rsids>
  <m:mathPr>
    <m:mathFont m:val="Cambria Math"/>
    <m:brkBin m:val="before"/>
    <m:brkBinSub m:val="--"/>
    <m:smallFrac m:val="0"/>
    <m:dispDef/>
    <m:lMargin m:val="0"/>
    <m:rMargin m:val="0"/>
    <m:defJc m:val="centerGroup"/>
    <m:wrapIndent m:val="1440"/>
    <m:intLim m:val="subSup"/>
    <m:naryLim m:val="undOvr"/>
  </m:mathPr>
  <w:themeFontLang w:val="en-GB" w:bidi="ar-SA"/>
  <w:clrSchemeMapping w:bg1="light1" w:t1="dark1" w:bg2="light2" w:t2="dark2" w:accent1="accent1" w:accent2="accent2" w:accent3="accent3" w:accent4="accent4" w:accent5="accent5" w:accent6="accent6" w:hyperlink="hyperlink" w:followedHyperlink="followedHyperlink"/>
  <w:doNotAutoCompressPictures/>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GB" w:eastAsia="en-GB"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023377"/>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E U O 1 ! 2 0 1 1 6 7 6 6 3 6 . 1 < / d o c u m e n t i d >  
     < s e n d e r i d > P A N D I T A < / s e n d e r i d >  
     < s e n d e r e m a i l > A K S H I T A . P A N D I T @ A L L E N O V E R Y . C O M < / s e n d e r e m a i l >  
     < l a s t m o d i f i e d > 2 0 2 4 - 0 6 - 1 2 T 0 9 : 2 9 : 0 0 . 0 0 0 0 0 0 0 + 0 1 : 0 0 < / l a s t m o d i f i e d >  
     < d a t a b a s e > E U O 1 < / d a t a b a s e >  
 < / p r o p e r t i e s > 
</file>

<file path=docProps/app.xml><?xml version="1.0" encoding="utf-8"?>
<Properties xmlns="http://schemas.openxmlformats.org/officeDocument/2006/extended-properties" xmlns:vt="http://schemas.openxmlformats.org/officeDocument/2006/docPropsVTypes">
  <Template>Normal</Template>
  <TotalTime>2</TotalTime>
  <Pages>3</Pages>
  <Words>768</Words>
  <Characters>4170</Characters>
  <Application>Microsoft Office Word</Application>
  <DocSecurity>0</DocSecurity>
  <Lines>74</Lines>
  <Paragraphs>2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90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A&amp;O Shearman</cp:lastModifiedBy>
  <cp:revision>5</cp:revision>
  <dcterms:created xsi:type="dcterms:W3CDTF">2024-06-11T20:42:00Z</dcterms:created>
  <dcterms:modified xsi:type="dcterms:W3CDTF">2024-06-12T08: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42e67a54-274b-43d7-8098-b3ba5f50e576_Enabled">
    <vt:lpwstr>true</vt:lpwstr>
  </property>
  <property fmtid="{D5CDD505-2E9C-101B-9397-08002B2CF9AE}" pid="3" name="MSIP_Label_42e67a54-274b-43d7-8098-b3ba5f50e576_SetDate">
    <vt:lpwstr>2024-06-11T20:43:48Z</vt:lpwstr>
  </property>
  <property fmtid="{D5CDD505-2E9C-101B-9397-08002B2CF9AE}" pid="4" name="MSIP_Label_42e67a54-274b-43d7-8098-b3ba5f50e576_Method">
    <vt:lpwstr>Standard</vt:lpwstr>
  </property>
  <property fmtid="{D5CDD505-2E9C-101B-9397-08002B2CF9AE}" pid="5" name="MSIP_Label_42e67a54-274b-43d7-8098-b3ba5f50e576_Name">
    <vt:lpwstr>42e67a54-274b-43d7-8098-b3ba5f50e576</vt:lpwstr>
  </property>
  <property fmtid="{D5CDD505-2E9C-101B-9397-08002B2CF9AE}" pid="6" name="MSIP_Label_42e67a54-274b-43d7-8098-b3ba5f50e576_SiteId">
    <vt:lpwstr>7f0b44d2-04f8-4672-bf5d-4676796468a3</vt:lpwstr>
  </property>
  <property fmtid="{D5CDD505-2E9C-101B-9397-08002B2CF9AE}" pid="7" name="MSIP_Label_42e67a54-274b-43d7-8098-b3ba5f50e576_ActionId">
    <vt:lpwstr>76e882e7-305c-4f92-b5a9-450e3ec74475</vt:lpwstr>
  </property>
  <property fmtid="{D5CDD505-2E9C-101B-9397-08002B2CF9AE}" pid="8" name="MSIP_Label_42e67a54-274b-43d7-8098-b3ba5f50e576_ContentBits">
    <vt:lpwstr>0</vt:lpwstr>
  </property>
  <property fmtid="{D5CDD505-2E9C-101B-9397-08002B2CF9AE}" pid="9" name="Client">
    <vt:lpwstr>0141838</vt:lpwstr>
  </property>
  <property fmtid="{D5CDD505-2E9C-101B-9397-08002B2CF9AE}" pid="10" name="Matter">
    <vt:lpwstr>0000002</vt:lpwstr>
  </property>
  <property fmtid="{D5CDD505-2E9C-101B-9397-08002B2CF9AE}" pid="11" name="cpDocRef">
    <vt:lpwstr>EUO1: 2011676636.1</vt:lpwstr>
  </property>
  <property fmtid="{D5CDD505-2E9C-101B-9397-08002B2CF9AE}" pid="12" name="cpClientMatter">
    <vt:lpwstr>0141838-0000002</vt:lpwstr>
  </property>
  <property fmtid="{D5CDD505-2E9C-101B-9397-08002B2CF9AE}" pid="13" name="cpCombinedRef">
    <vt:lpwstr>0141838-0000002 EUO1: 2011676636.1</vt:lpwstr>
  </property>
</Properties>
</file>